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mkv" ContentType="video/unknown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10"/>
  </p:sldMasterIdLst>
  <p:notesMasterIdLst>
    <p:notesMasterId r:id="rId148"/>
  </p:notesMasterIdLst>
  <p:handoutMasterIdLst>
    <p:handoutMasterId r:id="rId149"/>
  </p:handoutMasterIdLst>
  <p:sldIdLst>
    <p:sldId id="265" r:id="rId111"/>
    <p:sldId id="262" r:id="rId112"/>
    <p:sldId id="261" r:id="rId113"/>
    <p:sldId id="268" r:id="rId114"/>
    <p:sldId id="276" r:id="rId115"/>
    <p:sldId id="267" r:id="rId116"/>
    <p:sldId id="278" r:id="rId117"/>
    <p:sldId id="299" r:id="rId118"/>
    <p:sldId id="279" r:id="rId119"/>
    <p:sldId id="271" r:id="rId120"/>
    <p:sldId id="266" r:id="rId121"/>
    <p:sldId id="277" r:id="rId122"/>
    <p:sldId id="270" r:id="rId123"/>
    <p:sldId id="287" r:id="rId124"/>
    <p:sldId id="285" r:id="rId125"/>
    <p:sldId id="280" r:id="rId126"/>
    <p:sldId id="284" r:id="rId127"/>
    <p:sldId id="288" r:id="rId128"/>
    <p:sldId id="269" r:id="rId129"/>
    <p:sldId id="291" r:id="rId130"/>
    <p:sldId id="272" r:id="rId131"/>
    <p:sldId id="292" r:id="rId132"/>
    <p:sldId id="290" r:id="rId133"/>
    <p:sldId id="293" r:id="rId134"/>
    <p:sldId id="294" r:id="rId135"/>
    <p:sldId id="302" r:id="rId136"/>
    <p:sldId id="300" r:id="rId137"/>
    <p:sldId id="281" r:id="rId138"/>
    <p:sldId id="297" r:id="rId139"/>
    <p:sldId id="298" r:id="rId140"/>
    <p:sldId id="273" r:id="rId141"/>
    <p:sldId id="282" r:id="rId142"/>
    <p:sldId id="303" r:id="rId143"/>
    <p:sldId id="304" r:id="rId144"/>
    <p:sldId id="301" r:id="rId145"/>
    <p:sldId id="283" r:id="rId146"/>
    <p:sldId id="264" r:id="rId147"/>
  </p:sldIdLst>
  <p:sldSz cx="12192000" cy="6858000"/>
  <p:notesSz cx="6858000" cy="9144000"/>
  <p:embeddedFontLst>
    <p:embeddedFont>
      <p:font typeface="Netcompany-Offc" panose="020B0604020202020204" charset="0"/>
      <p:regular r:id="rId150"/>
      <p:bold r:id="rId151"/>
      <p:italic r:id="rId152"/>
      <p:boldItalic r:id="rId153"/>
    </p:embeddedFont>
    <p:embeddedFont>
      <p:font typeface="Tahoma" panose="020B0604030504040204" pitchFamily="34" charset="0"/>
      <p:regular r:id="rId154"/>
      <p:bold r:id="rId155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23836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17292A2E-F333-43FB-9621-5CBBE7FDCDCB}" styleName="Light Style 2 - Accent 4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</a:tcBdr>
      </a:tcStyle>
    </a:band1H>
    <a:band1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1V>
    <a:band2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4"/>
        </a:fillRef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78208" autoAdjust="0"/>
  </p:normalViewPr>
  <p:slideViewPr>
    <p:cSldViewPr snapToGrid="0" showGuides="1">
      <p:cViewPr varScale="1">
        <p:scale>
          <a:sx n="93" d="100"/>
          <a:sy n="93" d="100"/>
        </p:scale>
        <p:origin x="114" y="216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3552" y="-43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28.xml"/><Relationship Id="rId159" Type="http://schemas.openxmlformats.org/officeDocument/2006/relationships/tableStyles" Target="tableStyles.xml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18.xml"/><Relationship Id="rId149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22" Type="http://schemas.openxmlformats.org/officeDocument/2006/relationships/customXml" Target="../customXml/item22.xml"/><Relationship Id="rId43" Type="http://schemas.openxmlformats.org/officeDocument/2006/relationships/customXml" Target="../customXml/item43.xml"/><Relationship Id="rId64" Type="http://schemas.openxmlformats.org/officeDocument/2006/relationships/customXml" Target="../customXml/item64.xml"/><Relationship Id="rId118" Type="http://schemas.openxmlformats.org/officeDocument/2006/relationships/slide" Target="slides/slide8.xml"/><Relationship Id="rId139" Type="http://schemas.openxmlformats.org/officeDocument/2006/relationships/slide" Target="slides/slide29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font" Target="fonts/font1.fntdata"/><Relationship Id="rId155" Type="http://schemas.openxmlformats.org/officeDocument/2006/relationships/font" Target="fonts/font6.fntdata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08" Type="http://schemas.openxmlformats.org/officeDocument/2006/relationships/customXml" Target="../customXml/item108.xml"/><Relationship Id="rId124" Type="http://schemas.openxmlformats.org/officeDocument/2006/relationships/slide" Target="slides/slide14.xml"/><Relationship Id="rId129" Type="http://schemas.openxmlformats.org/officeDocument/2006/relationships/slide" Target="slides/slide19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slide" Target="slides/slide30.xml"/><Relationship Id="rId145" Type="http://schemas.openxmlformats.org/officeDocument/2006/relationships/slide" Target="slides/slide3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slide" Target="slides/slide4.xml"/><Relationship Id="rId119" Type="http://schemas.openxmlformats.org/officeDocument/2006/relationships/slide" Target="slides/slide9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20.xml"/><Relationship Id="rId135" Type="http://schemas.openxmlformats.org/officeDocument/2006/relationships/slide" Target="slides/slide25.xml"/><Relationship Id="rId151" Type="http://schemas.openxmlformats.org/officeDocument/2006/relationships/font" Target="fonts/font2.fntdata"/><Relationship Id="rId156" Type="http://schemas.openxmlformats.org/officeDocument/2006/relationships/presProps" Target="presProps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customXml" Target="../customXml/item104.xml"/><Relationship Id="rId120" Type="http://schemas.openxmlformats.org/officeDocument/2006/relationships/slide" Target="slides/slide10.xml"/><Relationship Id="rId125" Type="http://schemas.openxmlformats.org/officeDocument/2006/relationships/slide" Target="slides/slide15.xml"/><Relationship Id="rId141" Type="http://schemas.openxmlformats.org/officeDocument/2006/relationships/slide" Target="slides/slide31.xml"/><Relationship Id="rId146" Type="http://schemas.openxmlformats.org/officeDocument/2006/relationships/slide" Target="slides/slide36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Master" Target="slideMasters/slideMaster1.xml"/><Relationship Id="rId115" Type="http://schemas.openxmlformats.org/officeDocument/2006/relationships/slide" Target="slides/slide5.xml"/><Relationship Id="rId131" Type="http://schemas.openxmlformats.org/officeDocument/2006/relationships/slide" Target="slides/slide21.xml"/><Relationship Id="rId136" Type="http://schemas.openxmlformats.org/officeDocument/2006/relationships/slide" Target="slides/slide26.xml"/><Relationship Id="rId157" Type="http://schemas.openxmlformats.org/officeDocument/2006/relationships/viewProps" Target="viewProps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font" Target="fonts/font3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slide" Target="slides/slide16.xml"/><Relationship Id="rId147" Type="http://schemas.openxmlformats.org/officeDocument/2006/relationships/slide" Target="slides/slide37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slide" Target="slides/slide11.xml"/><Relationship Id="rId142" Type="http://schemas.openxmlformats.org/officeDocument/2006/relationships/slide" Target="slides/slide32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slide" Target="slides/slide6.xml"/><Relationship Id="rId137" Type="http://schemas.openxmlformats.org/officeDocument/2006/relationships/slide" Target="slides/slide27.xml"/><Relationship Id="rId158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slide" Target="slides/slide1.xml"/><Relationship Id="rId132" Type="http://schemas.openxmlformats.org/officeDocument/2006/relationships/slide" Target="slides/slide22.xml"/><Relationship Id="rId153" Type="http://schemas.openxmlformats.org/officeDocument/2006/relationships/font" Target="fonts/font4.fntdata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slide" Target="slides/slide1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slide" Target="slides/slide12.xml"/><Relationship Id="rId143" Type="http://schemas.openxmlformats.org/officeDocument/2006/relationships/slide" Target="slides/slide33.xml"/><Relationship Id="rId148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slide" Target="slides/slide2.xml"/><Relationship Id="rId133" Type="http://schemas.openxmlformats.org/officeDocument/2006/relationships/slide" Target="slides/slide23.xml"/><Relationship Id="rId154" Type="http://schemas.openxmlformats.org/officeDocument/2006/relationships/font" Target="fonts/font5.fntdata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slide" Target="slides/slide13.xml"/><Relationship Id="rId144" Type="http://schemas.openxmlformats.org/officeDocument/2006/relationships/slide" Target="slides/slide34.xml"/><Relationship Id="rId90" Type="http://schemas.openxmlformats.org/officeDocument/2006/relationships/customXml" Target="../customXml/item90.xml"/><Relationship Id="rId27" Type="http://schemas.openxmlformats.org/officeDocument/2006/relationships/customXml" Target="../customXml/item27.xml"/><Relationship Id="rId48" Type="http://schemas.openxmlformats.org/officeDocument/2006/relationships/customXml" Target="../customXml/item48.xml"/><Relationship Id="rId69" Type="http://schemas.openxmlformats.org/officeDocument/2006/relationships/customXml" Target="../customXml/item69.xml"/><Relationship Id="rId113" Type="http://schemas.openxmlformats.org/officeDocument/2006/relationships/slide" Target="slides/slide3.xml"/><Relationship Id="rId134" Type="http://schemas.openxmlformats.org/officeDocument/2006/relationships/slide" Target="slides/slide24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26D1F8A-F8D0-4BE8-A68D-D0E19DFD7784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46A58AC-7754-4623-9BAF-1E5C377CA539}" type="datetime1">
              <a:rPr lang="en-GB" smtClean="0"/>
              <a:t>27/05/2025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8480132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A234150-DB70-8B69-9B26-FDAA738C8FF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49B786F-432D-460A-D7B0-97A566155A2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DFD8FD7-FB79-C97D-BA8C-C6083E2D299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DFB5632-7EB8-AEAC-5F9B-291ADEFFC7C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07607C8-9840-4EE5-2877-773BF7E2274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91521634-3E94-EDB4-E12A-3E5304B5148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6F80657-7F32-4D0D-3282-F0793327E68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49997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567A7D-3632-FD7C-12F7-B559B6CA20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313868E-34A4-543C-623E-EB417DB6A30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0CA673-ACD7-64B3-43CC-FEBFAD9CB94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7FB29B7-1FD5-FE11-9A5A-D069528C1E0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FE9DFD4-F491-F559-A902-BA5DA06BB8C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AFD58E6-F73B-CEC9-741F-1DE744433316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9E68F6F-5F80-7C88-444F-60E143E5BF2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1403652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AB6DBB6-1699-FC8F-05A3-C9C11CBB0CB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9EAE4E4-4E78-1D5D-795A-4BA9E4D864D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4997081-D3AB-FAB3-50CD-E13215A13FE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0A50E9-DCF2-27EE-2C0B-7C5523BAF63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09851BD-CA64-03E3-5851-D1AF50C679D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EC15B358-DE76-A4E8-49E8-A1230F8ADCC6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9EAF8DD-4070-ECC1-E87A-75FEB109117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51114707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9E95E2-9C49-788D-51F2-70054DA91A6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D5DD803-9F3A-5DC0-ECD2-FC2BC70E93E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7A6386-1AB2-1B4E-1FDF-6B06A685F40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ADC89FB-73A0-C481-7E25-C62D289225C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88083CF-D579-A777-291A-83E7DFAB035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34F01FA0-3AC8-7FC2-C15E-FC71696DBD1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F8D478C-EBB7-03D1-39A7-110F093D3420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861397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438BBB1-6FCC-56E2-3994-94E3217C1D4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D99BCC1-FB68-3EFB-D901-033F57B1AD3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E373D0B-9180-67C2-99EC-A71B5B63B65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E8F10F-FEF4-31BA-D2DA-66960860520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3DFC89C-875C-8A52-DE36-B1297F233EF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4983343E-F3A8-FA95-DA65-01B9B76D5E8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4ACBD90-142E-2575-520E-4360063400F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89275219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7002C9-865E-EE44-CF19-7679AA6DD8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6862F53-A3D9-14A8-BAB1-602F0CCF3EA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DC77778-B332-F67C-D818-A4063273519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C17FD1-F272-2AAC-4877-4707CAEC14A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84144D9-796C-2446-4B1A-38388599CAD6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334FA3D3-3E78-0E83-6E98-FC695C615B6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9EA8974-EC6A-392E-F687-7786130095A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45170512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541601-AAED-DBE0-AEAC-FA5FAB69466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8942B33-7799-5FDA-D049-2269BD817E2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8874452-6193-F96D-27AC-FBA30BED947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F5DADB-8FE9-6E1D-6861-6CA260E8D52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74FCAB5-1ABA-3957-7317-1D48BB24B78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E486CD0-AD5C-B303-C0C3-793C7DA1C3B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0D8679A-F6F5-2CF8-2C3A-A558D887C9E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331639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E4B96D-626F-BBAE-B4BC-7B16805C393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E74A72F-D1A8-B8D1-9812-6B4B59E45B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7974336-F0C4-731F-9FD4-6B97D13EEB7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B3127C-3B92-ADD4-5831-30DBD54309E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A6FC66F-F3C0-3AD7-563A-164D1266D55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55370751-3552-58E3-E65A-1A5400ED88D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50324CA-5B06-C7CA-8B13-5D4667EA38F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887462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23EDD5-A295-57A9-9654-F7ADD508AFD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FCCCA86-56DE-87B7-4BC6-40F8D07094D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596F684-9DDF-F81C-695F-01194580130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36B9858-073B-65E8-06F3-CF930B74C81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CAD733E-5694-372C-065A-650A122DDBDD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5094A9A8-358D-88A8-E7BF-25A29DF61FD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3120C3A-CD18-2453-A173-DAE8D58E990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8044274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5631F31-7425-400A-E599-5E26EA8507A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C1C746A-C099-F701-538E-350032926EC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D80BEE-B4D5-0EE6-F66C-11025EE0ECD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13201AF-1B00-00BD-EB76-1F6F2E3EAB1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C93EC4-E27B-667A-FEA1-33056E1C1D6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E4273FE-E0AB-A305-9E32-37B36AE13E1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485C0C7-6D58-B731-AC70-3040D5E9A766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943668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1383826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5E282DD-83B9-9F88-7CC7-D145949806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CC4FF13-4575-68E6-69EA-50957E1A680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00BBC15-2A35-CC6D-EDA0-99DAB416076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GSON doesn't respect encapsulation, and tries to replicate your </a:t>
            </a:r>
            <a:r>
              <a:rPr lang="en-US" b="0" i="1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fields</a:t>
            </a:r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 instead of your </a:t>
            </a:r>
            <a:r>
              <a:rPr lang="en-US" b="0" i="1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properties</a:t>
            </a:r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 (and it appears there's no equivalent to JPA's "field access" versus "property access" functionality, nor any desire to provide it). </a:t>
            </a:r>
          </a:p>
          <a:p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Using Jackson the serialized version is generated via </a:t>
            </a:r>
            <a:r>
              <a:rPr lang="en-US" b="0" i="1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properties</a:t>
            </a:r>
            <a:r>
              <a:rPr lang="en-US" b="0" i="0" dirty="0">
                <a:solidFill>
                  <a:srgbClr val="0C0D0E"/>
                </a:solidFill>
                <a:effectLst/>
                <a:latin typeface="Netcompany-Offc" panose="020B0604020202020204" charset="0"/>
              </a:rPr>
              <a:t>, and would look the way you want it directly out of the box: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77CD75-1BEA-6535-3FB7-229461FC77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79321F-06C5-AC43-D6BA-DE96F79C578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2044DD82-D82C-E840-1E45-36C86488FD0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DFAA164-80F7-72F9-244F-DBFCF2DE0A5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27296847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0874A3B-C525-C721-1BBF-B6FE272771F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81A5DE9-1A36-ABB0-F86D-EEC16894ABE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1BECFCB-D46F-B9DA-4150-22C9C08629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73986C-E226-8D55-D7C6-7F6D3190572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5245748-0240-551E-750D-348554580501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9037F09-C70F-8B53-854C-263492D8C18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AE0613B-7F55-2F6D-3284-B184F3A7945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8524696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D0147FB-87A6-69D2-46C9-E37B2E65D22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CE8A80A-FEB0-DBC1-D11A-C0CCC0690AC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B27CF55-5589-A38C-B271-53F8A494FF5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305826-247E-B150-C2EE-61AE625A0F3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CFE8912-5105-7B76-4539-855FF0F3D8A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63A53952-A2BA-0300-B96C-AED010CFE65E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626DCF6-0B8C-2563-BBBD-98CBEFFDD0F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4681306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959BBBE-D32F-3FC3-F2A6-651A4DD276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E6DC558-4B20-059F-7593-5791405AE87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94F6B8B-E8AC-A7FE-B13B-346F5C81F8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C9296C-5FC7-679E-6313-748BAB95FD5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772ADE8-313E-21CF-DD11-AC3EA4DB2026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D3A6DBBD-3101-34AE-A577-8EBEF2F9B75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444B778-57C9-203C-A30C-AFACC07FC2E9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5706121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63F62E-5D0A-3A85-2672-6F33E88AF4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1917A78-D18E-B4A6-5277-7025466C8D4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5CCC387-BA8C-E9BC-8F4E-A39A0AABAAB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9A24268-08F6-CE00-8922-D4FC251BC7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3D633E6-59FC-04F7-1E0D-F3A39C937DF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1B2C69C3-BA25-D751-AE8C-1FD005BC28D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0491180-9EB4-DC88-3BFB-847C208ED3C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759245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EBF243E-43E7-BB45-CB94-A8946C08CCA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0ECE985-0A02-AAE1-29D5-0A364EE91A6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2C38CAA-246A-6984-C010-9D14F3CC721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92C7BDB-3C1C-343D-D9C3-AF14FE28503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D445C1B-3DD1-AB46-9DDC-F69B932ABB4B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233AD12D-9DCF-1439-2B69-F8F1581CC9F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253BAFA-81A6-44F2-01BA-086ECD6F772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2777510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036675-3EB8-2760-8898-533614342D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7F57557-FCC4-337A-4DC0-2D2F020BA17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01D9B35-C414-8732-8C1D-2FA4D7B2381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A540F4-63AD-0374-9730-E9838F21D22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5F333E1-7283-3FDA-7F3B-970E27FD388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3DF81AAA-3BA3-E7BA-D66C-AFC2D539FB59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237AC24-28CF-26F7-E1B4-B59FBDFC3E75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87794000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A1D5727-14B9-7AA6-D038-99AE2144F4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8F7B2CB-C173-86DF-3BB2-F88683C4EEC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14FF85B-0FE0-C889-D7D4-1BD94FC4669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60E663-05E3-D4DA-C709-95EA59AB267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07FA71-CC61-E0A7-DB38-4AC245B33D1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BEF71B90-BC40-CA1A-6468-63475766124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73A79C9-09A2-9C24-175A-144AA73A1F1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6420787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495E4C-0537-314B-EC95-A92D75C7A5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14474BA-CFCE-00B1-7F03-D5CDA242F45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076015C-0D6B-2FC5-3232-BE8ACD9EF1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26EC9E6-F240-1049-7D5E-0ACF17C39EE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10E1363-B62D-B953-A9DE-4D12986032B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14FA504-F356-970C-4D49-8B7C76ACF22F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E59587E-5D02-DB4E-208C-59912FBF978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9972629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F4C052-BB2A-7193-7AB3-63AC9D249E0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ED0058B-523A-CBB4-B23A-A076B8FB903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D6A561A-5C3D-1AE6-DD55-E7DB9FA81C6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F40A82-50ED-20C5-C634-F5BDAF6115E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9F5F3EC-5CC0-B788-7DEE-6D8B13E3D9C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7C1870C4-A6EC-A0E1-3A34-AA4DED778BD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67F3C4F-90B8-760E-938A-660C416DA12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14099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92474499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9ACD1FC-CC71-0B39-8885-020BB9D5759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4ED2764-FBEE-7A77-50BE-B337C071B32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F46FFDF-4EC2-D7DB-2D61-D82151E039B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A78F10C-2F41-A31C-C50B-8318C1D9287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A16C9B-9C81-AD41-A461-1EA9D9D039B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C858109E-02E2-C852-E41F-B09C54FC45F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460E8C48-A23A-D9D2-8840-D58724FA28F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70555871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E8F4F2-11ED-3322-816C-672337E080C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B44BE2D-5CEC-916A-48FD-D5B28A9122F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DD3DE6E-B157-832B-23E8-B9B40E606CD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F4519E-23E8-33CF-BE90-83C3CA4D134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ACD4666-6779-340B-1434-3357ACFB553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DB832E4-87F3-2695-6986-2E29BB162BB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4464FFA8-C6EC-2F24-8463-4D619878186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067482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1255A4B-EB76-B213-D12E-849382056F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9DBA4E9-888F-DCD5-FF61-B1CCB6B1B01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F2FB9C7-A457-48B0-0EAE-143989528B5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DDE79F4-99B7-F3E1-C973-E33208B3745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2E1F608-E75A-4184-C075-B73B21B7A05F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8A226109-D71A-24B3-46C6-DFBA46A616C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05703CE-B3CA-08C2-39FA-ACE7AD6EC5E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1337670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C795385-FDD7-19D8-2364-C713A80E710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7E57E41-1A48-8D13-7596-6A457CA114C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5924A60-A4F7-5C4D-D264-168A09FA2BE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9C525B-2601-6500-0D9A-8600023DAD9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87580AF-665D-9AC2-53E9-CB5E5E2D94E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48498DD-F3F0-ED6B-FF02-1A012B07386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8111364-D23B-57E5-34E0-168B66BB562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36802072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F572E0-4617-D13F-B4E8-D64F73CD89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9B5547F-3661-72BC-9BB2-0A8760C739B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D1D0B63-2C7C-4F5A-D11A-B57E1AC60F0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976F5D-8D38-6889-5184-46D6B772FC5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1BC7CD6-689B-25AA-1484-0A2AD349A8E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A6377924-6C02-2BD6-D280-B6515A25400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552382B-116D-2C27-C0EF-60F9ED4D518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8792076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5D5F3E4-9C70-88D6-810F-C5B9DA5F69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C4F2B29-D947-DA2B-9A67-4FDE2E871CD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625213E-3B0E-988A-C2A3-1257013A67B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64F9F7-BCAF-CCC4-183F-E395536103B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88DCA6-ED35-DA7D-8FE7-AE0D3157B7B3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999778C1-4F3E-3F65-CB4B-AAD22275CA93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D8EF636-6F6C-5807-6EA4-0E755B278D6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01884164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1026F5D-78AE-F2D6-0F09-B10E1C3710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5BB442B-B117-3686-2F5B-FB34F574198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F0C1703-359B-AE85-1CFA-203A7937066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2736862-F6C0-6D31-58E0-D262DEDC2F6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BFDFB7C-1101-ADBE-2D0A-4EF36CFBF02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05FF58BA-35BA-CB39-8185-76579DF4578D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D03C5-5D55-7133-0D08-6975D3D44A5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0780614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7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2583803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890CCBE-538F-2DE3-E7CD-FC47350BF4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3BCAF06-A64C-5D2F-A80F-C37ABB55E44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6A1EE7E-2B02-3F0D-E580-5BA06646F9C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947824-8BFF-245C-808D-DCC6A84E409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18BEB71-59D4-FD51-5D92-7AE37D5F2285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9864A6C6-542E-D48B-3A2D-E43312CB7FC5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6389486-D99C-FB70-54C7-5951B265C79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3241533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E9BF0AA-B290-FE7E-4C8A-780678D243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5DA2849-C333-BA90-7646-58769EC0946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C3CEF44-835F-9878-555A-70D8C83C041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WT Standard Widget Toolki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29BBF87-C9A1-E9F7-2991-8DF544F616E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5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852617F-BECA-F597-2075-91F2039561F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F59028BD-7914-03C8-AACF-5729CA49C84B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2F03960-A5F1-45CF-BE1D-7A79BD04610B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9296433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8285F46-FCF4-A68E-6167-A39A01B149C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C9BDC68-A323-24BE-18A0-05168954FFF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64E5C91-531B-909D-4D28-50514F35F1D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BF3F2-C458-BA79-F75A-789F8876FEB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6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66D9777-E194-3E44-333F-10DF2D82713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6B9BFBB7-A648-085E-8A07-C2E8451838A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953E6C0-C676-D00A-7D21-5351D9594B1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3544680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F1BEB8-C822-A993-B220-ACA974AF360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9B54641-40AC-A42A-5729-15F029E140A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76E0BAA-70CB-DF1F-4018-F288251D198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2853EE4-620F-8860-D1CC-000922105B1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7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723D505-6BFB-9654-E1F7-43A6A47BBFC3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87ED6F37-331B-AD1F-8D74-D5A4EFA34EE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746F213-F22D-DDCC-6054-D14A6CBDDBB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6819400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10C0F85-3AFC-9F04-6FFC-474E4CA016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3A2BD03-5460-FCF1-1CB6-AE5841E9B76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01721AB-47B1-372A-70B7-487DAB15605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9CAF1C-AAF5-B6C1-33DD-34B039D3CA8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8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105F4E8-2F1B-3982-5D00-4CB808906E6E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2B278622-7942-0F6A-E687-70CE5D234DFC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0D26CBC-8610-D87C-A3B8-41C3D81908C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535960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E70183B-52E0-BCF0-5260-D51536F0AD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20814A3-B14F-1E98-06ED-58A2526E626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52ADDDB-EBAC-CBF6-B8D4-CE1EC7AFA2F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80F74F1-3AF0-7565-8BC1-1AF1CFFAA00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9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1F74DA3-C919-FC54-E5BF-D444B1003009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46A58AC-7754-4623-9BAF-1E5C377CA539}" type="datetime1">
              <a:rPr lang="en-GB" smtClean="0"/>
              <a:t>27/05/2025</a:t>
            </a:fld>
            <a:endParaRPr lang="en-GB" dirty="0"/>
          </a:p>
        </p:txBody>
      </p:sp>
      <p:sp>
        <p:nvSpPr>
          <p:cNvPr id="6" name="Header Placeholder 5">
            <a:extLst>
              <a:ext uri="{FF2B5EF4-FFF2-40B4-BE49-F238E27FC236}">
                <a16:creationId xmlns:a16="http://schemas.microsoft.com/office/drawing/2014/main" id="{ACEFE146-822F-61AB-45E6-C37E4D51984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AEDBA22-5ED5-D706-F88A-9C0E86444B4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044045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with head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BBA9F3-D196-BBA8-2903-EE828E53E4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30E4CA3E-5B1B-D3EC-3F73-1737AC332D3A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185738" y="1438274"/>
            <a:ext cx="11818937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019847-20E5-4B7E-B872-4144EE846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ysClr val="windowText" lastClr="000000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57362443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right green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A01F3901-6933-C0F9-F1F1-575DDBA43E35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D270BB3A-060E-6D64-70AE-DFF0DDA9AE97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4515C3E2-14B9-6BA4-E0B7-7FE0A5F9AC35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insert picture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226E8E85-6706-9DC3-B64D-DDB64F23EE9A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icon and select image </a:t>
              </a:r>
            </a:p>
          </p:txBody>
        </p: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FAC13CC2-230E-E906-D4B3-9B84DDBF8A3A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798F982B-5380-83E6-09AE-D22727B788F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Send to Back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F925710A-9CAE-302F-1DFC-469C5C6B2A8B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change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0AA1EF90-A95A-2228-A38A-A8B1C841B45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0" dirty="0">
                  <a:solidFill>
                    <a:sysClr val="windowText" lastClr="000000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Change picture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03C0D355-2F8D-7ED2-7CA0-AFBDDA87C926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4" name="Backgrounds">
            <a:extLst>
              <a:ext uri="{FF2B5EF4-FFF2-40B4-BE49-F238E27FC236}">
                <a16:creationId xmlns:a16="http://schemas.microsoft.com/office/drawing/2014/main" id="{91A2E7E4-6725-67D6-6B23-417C972DA2FA}"/>
              </a:ext>
            </a:extLst>
          </p:cNvPr>
          <p:cNvSpPr/>
          <p:nvPr userDrawn="1"/>
        </p:nvSpPr>
        <p:spPr>
          <a:xfrm>
            <a:off x="-1" y="0"/>
            <a:ext cx="6188076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Grid - green">
            <a:extLst>
              <a:ext uri="{FF2B5EF4-FFF2-40B4-BE49-F238E27FC236}">
                <a16:creationId xmlns:a16="http://schemas.microsoft.com/office/drawing/2014/main" id="{CF407EA9-CB88-C7C6-A244-A84C089EBCDD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7" name="Grid - freeform">
            <a:extLst>
              <a:ext uri="{FF2B5EF4-FFF2-40B4-BE49-F238E27FC236}">
                <a16:creationId xmlns:a16="http://schemas.microsoft.com/office/drawing/2014/main" id="{37130A60-DB98-97A9-DAD5-9A5734FBD75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 flipH="1">
            <a:off x="6189662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5F37B766-92F3-3EFE-31BF-5F12C286ADA6}"/>
              </a:ext>
            </a:extLst>
          </p:cNvPr>
          <p:cNvSpPr/>
          <p:nvPr userDrawn="1"/>
        </p:nvSpPr>
        <p:spPr bwMode="white">
          <a:xfrm>
            <a:off x="190800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accent1"/>
              </a:solidFill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5D0E069-EED7-E693-F207-863701AACE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185738" y="185737"/>
            <a:ext cx="5816600" cy="947737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85739" y="1368000"/>
            <a:ext cx="5818470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>
          <a:xfrm>
            <a:off x="5643563" y="6474619"/>
            <a:ext cx="358775" cy="196056"/>
          </a:xfrm>
          <a:noFill/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icture Placeholder 7">
            <a:extLst>
              <a:ext uri="{FF2B5EF4-FFF2-40B4-BE49-F238E27FC236}">
                <a16:creationId xmlns:a16="http://schemas.microsoft.com/office/drawing/2014/main" id="{A7EE698A-8A94-9F7E-F96D-82FCA1FD4D3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88075" y="0"/>
            <a:ext cx="6003925" cy="6858000"/>
          </a:xfrm>
          <a:solidFill>
            <a:schemeClr val="accent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ysClr val="windowText" lastClr="000000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1366766121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left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4FEED968-A754-189A-8AE5-FC39FF6D8F7E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C3CBB990-C009-1F5A-28E2-D34B2F56AE95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043A82F0-429A-9615-8C49-6C6036F26282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insert picture</a:t>
              </a: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E84F163D-69E3-DAD6-2131-396C310A4A33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icon and select image </a:t>
              </a:r>
            </a:p>
          </p:txBody>
        </p:sp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C0F8A488-7D56-7A7B-5AE6-6815B96D8478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3CFC36EB-6487-3E9E-031A-DD85AD53A0BB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Send to Back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8615FEC9-36FD-73E4-991C-5AE50AE95EB2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ysClr val="windowText" lastClr="000000"/>
                  </a:solidFill>
                </a:rPr>
                <a:t>How to change picture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A4AE6CCE-0CCD-AC0C-A48A-2A280345FE5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ysClr val="windowText" lastClr="000000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0" dirty="0">
                  <a:solidFill>
                    <a:sysClr val="windowText" lastClr="000000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ysClr val="windowText" lastClr="000000"/>
                  </a:solidFill>
                </a:rPr>
              </a:br>
              <a:r>
                <a:rPr lang="en-GB" sz="1200" b="1" dirty="0">
                  <a:solidFill>
                    <a:sysClr val="windowText" lastClr="000000"/>
                  </a:solidFill>
                </a:rPr>
                <a:t>Change picture</a:t>
              </a:r>
              <a:endParaRPr lang="en-GB" sz="1200" b="0" dirty="0">
                <a:solidFill>
                  <a:sysClr val="windowText" lastClr="000000"/>
                </a:solidFill>
              </a:endParaRP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10A97689-4FA2-8763-FE1D-55BE6E07B66E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4" name="Backgrounds">
            <a:extLst>
              <a:ext uri="{FF2B5EF4-FFF2-40B4-BE49-F238E27FC236}">
                <a16:creationId xmlns:a16="http://schemas.microsoft.com/office/drawing/2014/main" id="{D86BC030-9960-8396-396A-19B6A5AF7B3F}"/>
              </a:ext>
            </a:extLst>
          </p:cNvPr>
          <p:cNvSpPr/>
          <p:nvPr userDrawn="1"/>
        </p:nvSpPr>
        <p:spPr>
          <a:xfrm>
            <a:off x="6002338" y="0"/>
            <a:ext cx="6190862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Grid - green">
            <a:extLst>
              <a:ext uri="{FF2B5EF4-FFF2-40B4-BE49-F238E27FC236}">
                <a16:creationId xmlns:a16="http://schemas.microsoft.com/office/drawing/2014/main" id="{BD3F9CF4-7EBF-26DA-F12D-4E39EAED76E6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25" name="Grid - freeform">
            <a:extLst>
              <a:ext uri="{FF2B5EF4-FFF2-40B4-BE49-F238E27FC236}">
                <a16:creationId xmlns:a16="http://schemas.microsoft.com/office/drawing/2014/main" id="{1AFD01C1-5A19-E8BB-3DCC-D61E7F7125B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0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Logo">
            <a:extLst>
              <a:ext uri="{FF2B5EF4-FFF2-40B4-BE49-F238E27FC236}">
                <a16:creationId xmlns:a16="http://schemas.microsoft.com/office/drawing/2014/main" id="{72FF8C4E-1A61-40B5-B63E-B994E0B8491A}"/>
              </a:ext>
            </a:extLst>
          </p:cNvPr>
          <p:cNvSpPr/>
          <p:nvPr userDrawn="1"/>
        </p:nvSpPr>
        <p:spPr bwMode="white">
          <a:xfrm>
            <a:off x="6190695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6189665" y="1368000"/>
            <a:ext cx="5806838" cy="4568400"/>
          </a:xfrm>
          <a:noFill/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altLang="zh-HK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>
          <a:xfrm>
            <a:off x="11637168" y="6474619"/>
            <a:ext cx="359333" cy="196056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31A66082-E3B9-D074-20E4-E15681F3CD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6188075" y="185737"/>
            <a:ext cx="5816601" cy="947737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21" name="Picture Placeholder 7">
            <a:extLst>
              <a:ext uri="{FF2B5EF4-FFF2-40B4-BE49-F238E27FC236}">
                <a16:creationId xmlns:a16="http://schemas.microsoft.com/office/drawing/2014/main" id="{61A4D560-E51A-F971-14BA-98A5E2748F7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3600"/>
            <a:ext cx="6002338" cy="6858000"/>
          </a:xfrm>
          <a:solidFill>
            <a:schemeClr val="accent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ysClr val="windowText" lastClr="000000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1231330115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s">
            <a:extLst>
              <a:ext uri="{FF2B5EF4-FFF2-40B4-BE49-F238E27FC236}">
                <a16:creationId xmlns:a16="http://schemas.microsoft.com/office/drawing/2014/main" id="{0CA24D45-44EC-7074-5CDD-2AF3181146C9}"/>
              </a:ext>
            </a:extLst>
          </p:cNvPr>
          <p:cNvSpPr/>
          <p:nvPr userDrawn="1"/>
        </p:nvSpPr>
        <p:spPr bwMode="ltGray">
          <a:xfrm>
            <a:off x="0" y="-8312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 bwMode="white"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F065CCFB-AEB8-FC9C-7290-5BFE3F24F2EE}"/>
              </a:ext>
            </a:extLst>
          </p:cNvPr>
          <p:cNvSpPr/>
          <p:nvPr userDrawn="1"/>
        </p:nvSpPr>
        <p:spPr bwMode="white">
          <a:xfrm>
            <a:off x="187325" y="1864444"/>
            <a:ext cx="1679576" cy="255624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998615" y="1666875"/>
            <a:ext cx="9191625" cy="3522662"/>
          </a:xfrm>
        </p:spPr>
        <p:txBody>
          <a:bodyPr lIns="198000" tIns="144000" rIns="180000" bIns="14400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6" name="Text Placeholder 16">
            <a:extLst>
              <a:ext uri="{FF2B5EF4-FFF2-40B4-BE49-F238E27FC236}">
                <a16:creationId xmlns:a16="http://schemas.microsoft.com/office/drawing/2014/main" id="{C2954703-2753-4E2F-FCA3-D6D9F68EB77C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206180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date / version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FAED2660-8C3E-1565-6D1F-B6BB26B0029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203302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lient name</a:t>
            </a:r>
          </a:p>
        </p:txBody>
      </p:sp>
      <p:sp>
        <p:nvSpPr>
          <p:cNvPr id="13" name="Text Placeholder 16">
            <a:extLst>
              <a:ext uri="{FF2B5EF4-FFF2-40B4-BE49-F238E27FC236}">
                <a16:creationId xmlns:a16="http://schemas.microsoft.com/office/drawing/2014/main" id="{CEED010C-A0AB-29BD-DDE2-C564BD98097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203302" y="5392584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project nam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 bwMode="white">
          <a:xfrm>
            <a:off x="3000375" y="1666874"/>
            <a:ext cx="187501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 bwMode="white">
          <a:xfrm>
            <a:off x="3000375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 bwMode="white">
          <a:xfrm>
            <a:off x="12004675" y="1666875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 bwMode="white"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8201F121-2588-6C55-1976-5CD7EC4260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00977" y="6556496"/>
            <a:ext cx="1413818" cy="1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99409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 userDrawn="1">
          <p15:clr>
            <a:srgbClr val="A4A3A4"/>
          </p15:clr>
        </p15:guide>
        <p15:guide id="2" orient="horz" pos="1168" userDrawn="1">
          <p15:clr>
            <a:srgbClr val="A4A3A4"/>
          </p15:clr>
        </p15:guide>
        <p15:guide id="3" orient="horz" pos="2101" userDrawn="1">
          <p15:clr>
            <a:srgbClr val="A4A3A4"/>
          </p15:clr>
        </p15:guide>
        <p15:guide id="4" orient="horz" pos="2218" userDrawn="1">
          <p15:clr>
            <a:srgbClr val="A4A3A4"/>
          </p15:clr>
        </p15:guide>
        <p15:guide id="5" orient="horz" pos="3151" userDrawn="1">
          <p15:clr>
            <a:srgbClr val="A4A3A4"/>
          </p15:clr>
        </p15:guide>
        <p15:guide id="6" orient="horz" pos="3269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F065CCFB-AEB8-FC9C-7290-5BFE3F24F2EE}"/>
              </a:ext>
            </a:extLst>
          </p:cNvPr>
          <p:cNvSpPr/>
          <p:nvPr userDrawn="1"/>
        </p:nvSpPr>
        <p:spPr>
          <a:xfrm>
            <a:off x="187325" y="1864444"/>
            <a:ext cx="1679576" cy="255624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00374" y="1666875"/>
            <a:ext cx="9191625" cy="3522662"/>
          </a:xfrm>
        </p:spPr>
        <p:txBody>
          <a:bodyPr lIns="198000" tIns="144000" rIns="180000" bIns="144000" anchor="t"/>
          <a:lstStyle>
            <a:lvl1pPr algn="l">
              <a:lnSpc>
                <a:spcPct val="86000"/>
              </a:lnSpc>
              <a:defRPr sz="6300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>
          <a:xfrm>
            <a:off x="3000375" y="1666874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>
          <a:xfrm>
            <a:off x="3000375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>
          <a:xfrm>
            <a:off x="12004675" y="1666875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Text Placeholder 16">
            <a:extLst>
              <a:ext uri="{FF2B5EF4-FFF2-40B4-BE49-F238E27FC236}">
                <a16:creationId xmlns:a16="http://schemas.microsoft.com/office/drawing/2014/main" id="{8ADBE27C-8929-A2F1-90D1-7F447909E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206180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date / version</a:t>
            </a:r>
          </a:p>
        </p:txBody>
      </p:sp>
      <p:sp>
        <p:nvSpPr>
          <p:cNvPr id="6" name="Text Placeholder 16">
            <a:extLst>
              <a:ext uri="{FF2B5EF4-FFF2-40B4-BE49-F238E27FC236}">
                <a16:creationId xmlns:a16="http://schemas.microsoft.com/office/drawing/2014/main" id="{E01A4073-508E-97D8-273C-C37EF94B8C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203302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lient name</a:t>
            </a:r>
          </a:p>
        </p:txBody>
      </p:sp>
      <p:sp>
        <p:nvSpPr>
          <p:cNvPr id="7" name="Text Placeholder 16">
            <a:extLst>
              <a:ext uri="{FF2B5EF4-FFF2-40B4-BE49-F238E27FC236}">
                <a16:creationId xmlns:a16="http://schemas.microsoft.com/office/drawing/2014/main" id="{814194A3-85A1-C852-4B35-014896A69548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203302" y="5392584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project name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4708027A-32AC-BB7B-076A-F55C04B124D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01150" y="6557961"/>
            <a:ext cx="1413818" cy="1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69398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 userDrawn="1">
          <p15:clr>
            <a:srgbClr val="A4A3A4"/>
          </p15:clr>
        </p15:guide>
        <p15:guide id="2" orient="horz" pos="1168" userDrawn="1">
          <p15:clr>
            <a:srgbClr val="A4A3A4"/>
          </p15:clr>
        </p15:guide>
        <p15:guide id="3" orient="horz" pos="2101" userDrawn="1">
          <p15:clr>
            <a:srgbClr val="A4A3A4"/>
          </p15:clr>
        </p15:guide>
        <p15:guide id="4" orient="horz" pos="2218" userDrawn="1">
          <p15:clr>
            <a:srgbClr val="A4A3A4"/>
          </p15:clr>
        </p15:guide>
        <p15:guide id="5" orient="horz" pos="3151" userDrawn="1">
          <p15:clr>
            <a:srgbClr val="A4A3A4"/>
          </p15:clr>
        </p15:guide>
        <p15:guide id="6" orient="horz" pos="3269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page w. imag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rid - freeform">
            <a:extLst>
              <a:ext uri="{FF2B5EF4-FFF2-40B4-BE49-F238E27FC236}">
                <a16:creationId xmlns:a16="http://schemas.microsoft.com/office/drawing/2014/main" id="{62DADB1D-DAF1-595A-485B-5D89409A1F7A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 tIns="0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00374" y="1666875"/>
            <a:ext cx="9191625" cy="3522662"/>
          </a:xfrm>
        </p:spPr>
        <p:txBody>
          <a:bodyPr lIns="198000" tIns="144000" rIns="180000" bIns="144000" anchor="t"/>
          <a:lstStyle>
            <a:lvl1pPr algn="l">
              <a:lnSpc>
                <a:spcPct val="86000"/>
              </a:lnSpc>
              <a:defRPr sz="6300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Text Placeholder 16">
            <a:extLst>
              <a:ext uri="{FF2B5EF4-FFF2-40B4-BE49-F238E27FC236}">
                <a16:creationId xmlns:a16="http://schemas.microsoft.com/office/drawing/2014/main" id="{8ADBE27C-8929-A2F1-90D1-7F447909E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206180" y="5153776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date / version</a:t>
            </a:r>
          </a:p>
        </p:txBody>
      </p:sp>
      <p:sp>
        <p:nvSpPr>
          <p:cNvPr id="6" name="Text Placeholder 16">
            <a:extLst>
              <a:ext uri="{FF2B5EF4-FFF2-40B4-BE49-F238E27FC236}">
                <a16:creationId xmlns:a16="http://schemas.microsoft.com/office/drawing/2014/main" id="{E01A4073-508E-97D8-273C-C37EF94B8C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 bwMode="white">
          <a:xfrm>
            <a:off x="3203302" y="5151938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lient name</a:t>
            </a:r>
          </a:p>
        </p:txBody>
      </p:sp>
      <p:sp>
        <p:nvSpPr>
          <p:cNvPr id="7" name="Text Placeholder 16">
            <a:extLst>
              <a:ext uri="{FF2B5EF4-FFF2-40B4-BE49-F238E27FC236}">
                <a16:creationId xmlns:a16="http://schemas.microsoft.com/office/drawing/2014/main" id="{814194A3-85A1-C852-4B35-014896A69548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3203302" y="5392584"/>
            <a:ext cx="2808000" cy="198000"/>
          </a:xfrm>
        </p:spPr>
        <p:txBody>
          <a:bodyPr bIns="0"/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project name</a:t>
            </a:r>
          </a:p>
        </p:txBody>
      </p:sp>
      <p:sp>
        <p:nvSpPr>
          <p:cNvPr id="12" name="Logo - freeform">
            <a:extLst>
              <a:ext uri="{FF2B5EF4-FFF2-40B4-BE49-F238E27FC236}">
                <a16:creationId xmlns:a16="http://schemas.microsoft.com/office/drawing/2014/main" id="{A365E6E5-85B4-B753-3B4A-DBA3D1964B2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white">
          <a:xfrm>
            <a:off x="187324" y="1864444"/>
            <a:ext cx="1679576" cy="255624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9" name="Box - freeform">
            <a:extLst>
              <a:ext uri="{FF2B5EF4-FFF2-40B4-BE49-F238E27FC236}">
                <a16:creationId xmlns:a16="http://schemas.microsoft.com/office/drawing/2014/main" id="{46A047EA-0D8D-E5EF-15A9-F1F50B95E3AD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 bwMode="white">
          <a:xfrm>
            <a:off x="3000375" y="1666874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Box - freeform">
            <a:extLst>
              <a:ext uri="{FF2B5EF4-FFF2-40B4-BE49-F238E27FC236}">
                <a16:creationId xmlns:a16="http://schemas.microsoft.com/office/drawing/2014/main" id="{F7E660AB-E7AA-4765-1160-A22EA87D18E7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 bwMode="white">
          <a:xfrm>
            <a:off x="3000375" y="5002212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Box - freeform">
            <a:extLst>
              <a:ext uri="{FF2B5EF4-FFF2-40B4-BE49-F238E27FC236}">
                <a16:creationId xmlns:a16="http://schemas.microsoft.com/office/drawing/2014/main" id="{70D9AD67-1F57-8BD7-EFC6-921EF12D967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white">
          <a:xfrm>
            <a:off x="12004675" y="1666875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4" name="Box - freeform">
            <a:extLst>
              <a:ext uri="{FF2B5EF4-FFF2-40B4-BE49-F238E27FC236}">
                <a16:creationId xmlns:a16="http://schemas.microsoft.com/office/drawing/2014/main" id="{8EC693B7-118D-CC7D-6FCC-6D87AE57BB39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white">
          <a:xfrm>
            <a:off x="12007056" y="5002213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CF6B7474-D563-C122-12FA-0AE8A06D353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00977" y="6556496"/>
            <a:ext cx="1413818" cy="108000"/>
          </a:xfrm>
          <a:prstGeom prst="rect">
            <a:avLst/>
          </a:prstGeom>
        </p:spPr>
      </p:pic>
      <p:sp>
        <p:nvSpPr>
          <p:cNvPr id="15" name="Picture Placeholder 7">
            <a:extLst>
              <a:ext uri="{FF2B5EF4-FFF2-40B4-BE49-F238E27FC236}">
                <a16:creationId xmlns:a16="http://schemas.microsoft.com/office/drawing/2014/main" id="{65D2BFA1-E72E-CB12-4D23-BD077C7A93D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6569334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long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957FAFE2-DC25-D76A-010D-C19E2C8A702D}"/>
              </a:ext>
            </a:extLst>
          </p:cNvPr>
          <p:cNvSpPr/>
          <p:nvPr userDrawn="1"/>
        </p:nvSpPr>
        <p:spPr>
          <a:xfrm>
            <a:off x="0" y="11952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Grid">
            <a:extLst>
              <a:ext uri="{FF2B5EF4-FFF2-40B4-BE49-F238E27FC236}">
                <a16:creationId xmlns:a16="http://schemas.microsoft.com/office/drawing/2014/main" id="{C0BA7F59-CDC3-62D7-D722-BB5C145BC465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 bwMode="white"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EEC351E-C673-90A1-9633-CEECAA95F0A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75667" y="1627818"/>
            <a:ext cx="8816975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5919861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long green - no grid">
    <p:bg>
      <p:bgPr>
        <a:solidFill>
          <a:srgbClr val="12383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 bwMode="white"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2EEC351E-C673-90A1-9633-CEECAA95F0A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75668" y="1627818"/>
            <a:ext cx="7438146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8532913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short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957FAFE2-DC25-D76A-010D-C19E2C8A702D}"/>
              </a:ext>
            </a:extLst>
          </p:cNvPr>
          <p:cNvSpPr/>
          <p:nvPr userDrawn="1"/>
        </p:nvSpPr>
        <p:spPr>
          <a:xfrm>
            <a:off x="-1200" y="6016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Grid">
            <a:extLst>
              <a:ext uri="{FF2B5EF4-FFF2-40B4-BE49-F238E27FC236}">
                <a16:creationId xmlns:a16="http://schemas.microsoft.com/office/drawing/2014/main" id="{C0BA7F59-CDC3-62D7-D722-BB5C145BC465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 bwMode="white"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2974183" y="1706106"/>
            <a:ext cx="9030491" cy="4054476"/>
          </a:xfrm>
        </p:spPr>
        <p:txBody>
          <a:bodyPr tIns="108000"/>
          <a:lstStyle>
            <a:lvl1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1pPr>
            <a:lvl2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2pPr>
            <a:lvl3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3pPr>
            <a:lvl4pPr marL="435600" indent="-435600">
              <a:lnSpc>
                <a:spcPct val="115000"/>
              </a:lnSpc>
              <a:spcBef>
                <a:spcPts val="0"/>
              </a:spcBef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4pPr>
            <a:lvl5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5pPr>
            <a:lvl6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6pPr>
            <a:lvl7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7pPr>
            <a:lvl8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</a:defRPr>
            </a:lvl8pPr>
            <a:lvl9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Enter &amp; TAB for next text level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352675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long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AA7BFD65-08C9-1340-556F-7990CE9ABBFE}"/>
              </a:ext>
            </a:extLst>
          </p:cNvPr>
          <p:cNvSpPr>
            <a:spLocks/>
          </p:cNvSpPr>
          <p:nvPr userDrawn="1"/>
        </p:nvSpPr>
        <p:spPr>
          <a:xfrm>
            <a:off x="-1200" y="-360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Grid">
            <a:extLst>
              <a:ext uri="{FF2B5EF4-FFF2-40B4-BE49-F238E27FC236}">
                <a16:creationId xmlns:a16="http://schemas.microsoft.com/office/drawing/2014/main" id="{EA445E9E-B98F-C4E5-5966-49E72CD8BDA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4FE6EAD-778E-BDF2-9D68-D1D6108541C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175667" y="1609890"/>
            <a:ext cx="8816975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44878747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short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852A952B-76EF-4C8C-8C7B-140D4588A85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Grid">
            <a:extLst>
              <a:ext uri="{FF2B5EF4-FFF2-40B4-BE49-F238E27FC236}">
                <a16:creationId xmlns:a16="http://schemas.microsoft.com/office/drawing/2014/main" id="{86B312DF-9E04-8EC7-BF7D-380A73D1E276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63B2D50B-F7A1-3E5D-5317-A3672D5A3BF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2974183" y="1700130"/>
            <a:ext cx="9030491" cy="4054476"/>
          </a:xfrm>
        </p:spPr>
        <p:txBody>
          <a:bodyPr tIns="108000"/>
          <a:lstStyle>
            <a:lvl1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1pPr>
            <a:lvl2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2pPr>
            <a:lvl3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3pPr>
            <a:lvl4pPr marL="435600" indent="-435600">
              <a:lnSpc>
                <a:spcPct val="115000"/>
              </a:lnSpc>
              <a:spcBef>
                <a:spcPts val="0"/>
              </a:spcBef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4pPr>
            <a:lvl5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5pPr>
            <a:lvl6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6pPr>
            <a:lvl7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7pPr>
            <a:lvl8pPr marL="435600" indent="-435600">
              <a:lnSpc>
                <a:spcPct val="115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5000"/>
              <a:buFont typeface="Arial" panose="020B0604020202020204" pitchFamily="34" charset="0"/>
              <a:buChar char="​"/>
              <a:defRPr sz="1400" b="0">
                <a:solidFill>
                  <a:schemeClr val="accent1"/>
                </a:solidFill>
              </a:defRPr>
            </a:lvl8pPr>
            <a:lvl9pPr marL="432000" indent="-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>
                <a:schemeClr val="accent5"/>
              </a:buClr>
              <a:buSzPct val="80000"/>
              <a:buFont typeface="Wingdings" panose="05000000000000000000" pitchFamily="2" charset="2"/>
              <a:buChar char="n"/>
              <a:defRPr sz="32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Enter &amp; TAB for next text level</a:t>
            </a:r>
          </a:p>
        </p:txBody>
      </p:sp>
    </p:spTree>
    <p:extLst>
      <p:ext uri="{BB962C8B-B14F-4D97-AF65-F5344CB8AC3E}">
        <p14:creationId xmlns:p14="http://schemas.microsoft.com/office/powerpoint/2010/main" val="151643923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with headline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s">
            <a:extLst>
              <a:ext uri="{FF2B5EF4-FFF2-40B4-BE49-F238E27FC236}">
                <a16:creationId xmlns:a16="http://schemas.microsoft.com/office/drawing/2014/main" id="{DB5C86D5-D1E2-CBFA-36B6-5154EB48654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rm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5" name="Grid">
            <a:extLst>
              <a:ext uri="{FF2B5EF4-FFF2-40B4-BE49-F238E27FC236}">
                <a16:creationId xmlns:a16="http://schemas.microsoft.com/office/drawing/2014/main" id="{A90FCCFC-8D35-0483-FAB6-8375553E6456}"/>
              </a:ext>
            </a:extLst>
          </p:cNvPr>
          <p:cNvSpPr/>
          <p:nvPr userDrawn="1"/>
        </p:nvSpPr>
        <p:spPr>
          <a:xfrm>
            <a:off x="-598" y="2381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70D45FBA-DD21-FC4B-4421-D3250D2BFC81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86EADC8-30A6-B6BE-9F54-B5488F402F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019847-20E5-4B7E-B872-4144EE846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0C0AD753-83CD-C853-739F-AA968B28858C}"/>
              </a:ext>
            </a:extLst>
          </p:cNvPr>
          <p:cNvSpPr>
            <a:spLocks noGrp="1"/>
          </p:cNvSpPr>
          <p:nvPr>
            <p:ph idx="17" hasCustomPrompt="1"/>
          </p:nvPr>
        </p:nvSpPr>
        <p:spPr bwMode="white">
          <a:xfrm>
            <a:off x="185738" y="1438274"/>
            <a:ext cx="11818937" cy="4562476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long grey - no gr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97AEE8EB-E9A4-4093-2252-3955D0CA1AC9}"/>
              </a:ext>
            </a:extLst>
          </p:cNvPr>
          <p:cNvSpPr>
            <a:spLocks/>
          </p:cNvSpPr>
          <p:nvPr userDrawn="1"/>
        </p:nvSpPr>
        <p:spPr>
          <a:xfrm>
            <a:off x="-1200" y="-360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52AB567F-D7C7-D77C-D184-10CED8C1B424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Agenda title">
            <a:extLst>
              <a:ext uri="{FF2B5EF4-FFF2-40B4-BE49-F238E27FC236}">
                <a16:creationId xmlns:a16="http://schemas.microsoft.com/office/drawing/2014/main" id="{C2632451-B23C-4B02-C331-037EDD532064}"/>
              </a:ext>
            </a:extLst>
          </p:cNvPr>
          <p:cNvSpPr txBox="1"/>
          <p:nvPr userDrawn="1"/>
        </p:nvSpPr>
        <p:spPr>
          <a:xfrm>
            <a:off x="185738" y="1807369"/>
            <a:ext cx="101917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000" dirty="0">
                <a:solidFill>
                  <a:schemeClr val="tx1"/>
                </a:solidFill>
              </a:rPr>
              <a:t>Agenda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6BF71D63-C597-5855-FF01-7A48890671A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84FE6EAD-778E-BDF2-9D68-D1D6108541C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175667" y="1609890"/>
            <a:ext cx="8816975" cy="4054476"/>
          </a:xfrm>
        </p:spPr>
        <p:txBody>
          <a:bodyPr tIns="180000"/>
          <a:lstStyle>
            <a:lvl1pPr marL="252000" indent="-252000">
              <a:lnSpc>
                <a:spcPct val="110000"/>
              </a:lnSpc>
              <a:spcBef>
                <a:spcPts val="0"/>
              </a:spcBef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1pPr>
            <a:lvl2pPr marL="486000" indent="-234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2pPr>
            <a:lvl3pPr marL="666000" indent="-198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3pPr>
            <a:lvl4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4pPr>
            <a:lvl5pPr marL="432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5pPr>
            <a:lvl6pPr marL="648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6pPr>
            <a:lvl7pPr marL="216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accent5"/>
              </a:buClr>
              <a:buSzPct val="75000"/>
              <a:buFont typeface="Wingdings" panose="05000000000000000000" pitchFamily="2" charset="2"/>
              <a:buChar char="n"/>
              <a:defRPr sz="2000" b="0">
                <a:solidFill>
                  <a:schemeClr val="tx1"/>
                </a:solidFill>
              </a:defRPr>
            </a:lvl7pPr>
            <a:lvl8pPr marL="432000" indent="-216000">
              <a:lnSpc>
                <a:spcPct val="110000"/>
              </a:lnSpc>
              <a:spcBef>
                <a:spcPts val="0"/>
              </a:spcBef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600" b="0">
                <a:solidFill>
                  <a:schemeClr val="tx1"/>
                </a:solidFill>
              </a:defRPr>
            </a:lvl8pPr>
            <a:lvl9pPr marL="648000" indent="-21600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Wingdings" panose="05000000000000000000" pitchFamily="2" charset="2"/>
              <a:buChar char="n"/>
              <a:defRPr sz="1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                    </a:t>
            </a:r>
            <a:r>
              <a:rPr lang="en-US" noProof="0" dirty="0"/>
              <a:t>Enter &amp; TAB for next text level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4041709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 bwMode="white"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0" y="0"/>
            <a:ext cx="8996576" cy="2620964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000750" y="3335337"/>
            <a:ext cx="6191250" cy="1854199"/>
          </a:xfrm>
        </p:spPr>
        <p:txBody>
          <a:bodyPr lIns="198000" tIns="126000" rIns="180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>
          <a:xfrm>
            <a:off x="6000750" y="3335338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>
          <a:xfrm>
            <a:off x="6000750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>
          <a:xfrm>
            <a:off x="12004675" y="3335339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04001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rgbClr val="141E1E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180" y="0"/>
            <a:ext cx="8997756" cy="2603501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000750" y="3335337"/>
            <a:ext cx="6191250" cy="1854199"/>
          </a:xfrm>
        </p:spPr>
        <p:txBody>
          <a:bodyPr lIns="198000" tIns="126000" rIns="180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5" name="Box">
            <a:extLst>
              <a:ext uri="{FF2B5EF4-FFF2-40B4-BE49-F238E27FC236}">
                <a16:creationId xmlns:a16="http://schemas.microsoft.com/office/drawing/2014/main" id="{03A0F438-4088-5AAB-159E-9333B609A02F}"/>
              </a:ext>
            </a:extLst>
          </p:cNvPr>
          <p:cNvSpPr/>
          <p:nvPr userDrawn="1"/>
        </p:nvSpPr>
        <p:spPr>
          <a:xfrm>
            <a:off x="6000750" y="3335338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Box">
            <a:extLst>
              <a:ext uri="{FF2B5EF4-FFF2-40B4-BE49-F238E27FC236}">
                <a16:creationId xmlns:a16="http://schemas.microsoft.com/office/drawing/2014/main" id="{56974EA7-F7BD-1941-D933-C92C4666FD27}"/>
              </a:ext>
            </a:extLst>
          </p:cNvPr>
          <p:cNvSpPr/>
          <p:nvPr userDrawn="1"/>
        </p:nvSpPr>
        <p:spPr>
          <a:xfrm>
            <a:off x="6000750" y="5002212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Box">
            <a:extLst>
              <a:ext uri="{FF2B5EF4-FFF2-40B4-BE49-F238E27FC236}">
                <a16:creationId xmlns:a16="http://schemas.microsoft.com/office/drawing/2014/main" id="{66A3D3DA-0B49-90D3-34F9-7D9680003524}"/>
              </a:ext>
            </a:extLst>
          </p:cNvPr>
          <p:cNvSpPr/>
          <p:nvPr userDrawn="1"/>
        </p:nvSpPr>
        <p:spPr>
          <a:xfrm>
            <a:off x="12004675" y="3335339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Box">
            <a:extLst>
              <a:ext uri="{FF2B5EF4-FFF2-40B4-BE49-F238E27FC236}">
                <a16:creationId xmlns:a16="http://schemas.microsoft.com/office/drawing/2014/main" id="{9A49D4CB-D021-8272-A5EA-4155D0714E00}"/>
              </a:ext>
            </a:extLst>
          </p:cNvPr>
          <p:cNvSpPr/>
          <p:nvPr userDrawn="1"/>
        </p:nvSpPr>
        <p:spPr>
          <a:xfrm>
            <a:off x="12007056" y="5002213"/>
            <a:ext cx="187325" cy="187325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66409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w.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3" name="Guide">
            <a:extLst>
              <a:ext uri="{FF2B5EF4-FFF2-40B4-BE49-F238E27FC236}">
                <a16:creationId xmlns:a16="http://schemas.microsoft.com/office/drawing/2014/main" id="{6D6B2C76-67F7-58FC-D140-3C131A126DFA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A62CA790-1DBB-DA42-8FF9-48AD53446E9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EBF53BD6-003B-D4FC-4624-078B26A2EFD3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insert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1FE13468-DA97-5B8D-6CF7-33DE06B42DD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icon and select image </a:t>
              </a: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901F8357-A60E-13FA-79E6-1290D752016B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6854E54D-A37D-10A5-328F-012D1D0B2238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Send to Back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84849087-ED75-C9CE-5B37-B81A3C732A69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change picture</a:t>
              </a:r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D7AC9CAF-56DA-0FC2-B120-D99E822DE7CA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0" dirty="0">
                  <a:solidFill>
                    <a:schemeClr val="bg1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Change picture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pic>
          <p:nvPicPr>
            <p:cNvPr id="30" name="Picture 29">
              <a:extLst>
                <a:ext uri="{FF2B5EF4-FFF2-40B4-BE49-F238E27FC236}">
                  <a16:creationId xmlns:a16="http://schemas.microsoft.com/office/drawing/2014/main" id="{FCD71379-BEAE-60BE-8789-7D9A107AEE49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3" name="Grid - freeform">
            <a:extLst>
              <a:ext uri="{FF2B5EF4-FFF2-40B4-BE49-F238E27FC236}">
                <a16:creationId xmlns:a16="http://schemas.microsoft.com/office/drawing/2014/main" id="{56288D53-3828-8189-203C-A78DA190D20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 tIns="0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Logo - freeform">
            <a:extLst>
              <a:ext uri="{FF2B5EF4-FFF2-40B4-BE49-F238E27FC236}">
                <a16:creationId xmlns:a16="http://schemas.microsoft.com/office/drawing/2014/main" id="{7C0B7C54-BB23-9FDC-51B5-60D0E0619F4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white">
          <a:xfrm>
            <a:off x="190800" y="6556701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0" y="-3597"/>
            <a:ext cx="8996575" cy="2607098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6002338" y="3335338"/>
            <a:ext cx="6189662" cy="1854198"/>
          </a:xfrm>
        </p:spPr>
        <p:txBody>
          <a:bodyPr lIns="198000" tIns="126000" rIns="180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4" name="Box - freeform">
            <a:extLst>
              <a:ext uri="{FF2B5EF4-FFF2-40B4-BE49-F238E27FC236}">
                <a16:creationId xmlns:a16="http://schemas.microsoft.com/office/drawing/2014/main" id="{5FD446A9-0016-B3A8-E22B-5426AD41DB3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000750" y="3335338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Box - freeform">
            <a:extLst>
              <a:ext uri="{FF2B5EF4-FFF2-40B4-BE49-F238E27FC236}">
                <a16:creationId xmlns:a16="http://schemas.microsoft.com/office/drawing/2014/main" id="{13DF5A12-6558-454F-1F36-7FB6A3666F5D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000750" y="5002212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Box - freeform">
            <a:extLst>
              <a:ext uri="{FF2B5EF4-FFF2-40B4-BE49-F238E27FC236}">
                <a16:creationId xmlns:a16="http://schemas.microsoft.com/office/drawing/2014/main" id="{C35F92E2-8B21-4110-68BE-EEFF35C30D7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2004675" y="3335339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Box - freeform">
            <a:extLst>
              <a:ext uri="{FF2B5EF4-FFF2-40B4-BE49-F238E27FC236}">
                <a16:creationId xmlns:a16="http://schemas.microsoft.com/office/drawing/2014/main" id="{94EB1950-401F-E1E1-96BF-44E4607865E0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12007056" y="5002213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2" name="Picture Placeholder 7">
            <a:extLst>
              <a:ext uri="{FF2B5EF4-FFF2-40B4-BE49-F238E27FC236}">
                <a16:creationId xmlns:a16="http://schemas.microsoft.com/office/drawing/2014/main" id="{B1D7401D-5CCC-A4E0-F13F-50408C7B410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1116000" anchor="ctr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6470773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ligned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0" y="-1"/>
            <a:ext cx="8996575" cy="2603501"/>
          </a:xfrm>
        </p:spPr>
        <p:txBody>
          <a:bodyPr lIns="198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-1" y="3335338"/>
            <a:ext cx="6188075" cy="1854200"/>
          </a:xfrm>
        </p:spPr>
        <p:txBody>
          <a:bodyPr lIns="198000" tIns="126000" rIns="198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123093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ligned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1" name="Logo">
            <a:extLst>
              <a:ext uri="{FF2B5EF4-FFF2-40B4-BE49-F238E27FC236}">
                <a16:creationId xmlns:a16="http://schemas.microsoft.com/office/drawing/2014/main" id="{C5441F9B-1854-D9BD-741A-71B0CB02280A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rgbClr val="141E1E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0" y="-3597"/>
            <a:ext cx="8996575" cy="2607098"/>
          </a:xfrm>
        </p:spPr>
        <p:txBody>
          <a:bodyPr lIns="162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-1" y="3335338"/>
            <a:ext cx="6188075" cy="1854200"/>
          </a:xfrm>
        </p:spPr>
        <p:txBody>
          <a:bodyPr lIns="198000" tIns="126000" rIns="198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965933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ligned w.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uide">
            <a:extLst>
              <a:ext uri="{FF2B5EF4-FFF2-40B4-BE49-F238E27FC236}">
                <a16:creationId xmlns:a16="http://schemas.microsoft.com/office/drawing/2014/main" id="{4E29DD6F-3C9A-83C7-A43D-4B1D307F3C41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C402DAB5-3B0C-1BE5-7506-FBE09B020E7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C63EB90F-B453-6979-05B4-954151AF6FA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insert picture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1AA26747-23FD-492D-6631-932376128123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icon and select image </a:t>
              </a:r>
            </a:p>
          </p:txBody>
        </p: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5E8AD5E1-7764-07F6-9734-CD98F8B0F58D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218ECF42-7BD8-C807-31C2-27BFCDDB1289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Send to Back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E2183B96-8712-A936-E6AA-11303606C4D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change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77843DED-E35E-CF26-648D-F6651EF0FD7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0" dirty="0">
                  <a:solidFill>
                    <a:schemeClr val="bg1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Change picture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AFD4FCFA-68A1-4B32-34CB-EB3670C0C5A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3" name="Grid - freeform">
            <a:extLst>
              <a:ext uri="{FF2B5EF4-FFF2-40B4-BE49-F238E27FC236}">
                <a16:creationId xmlns:a16="http://schemas.microsoft.com/office/drawing/2014/main" id="{56288D53-3828-8189-203C-A78DA190D20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 tIns="0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200" y="0"/>
            <a:ext cx="8997775" cy="2603501"/>
          </a:xfrm>
        </p:spPr>
        <p:txBody>
          <a:bodyPr lIns="162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B4E9833-0B18-BA78-C50B-350C1656D1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-1" y="3335338"/>
            <a:ext cx="6188075" cy="1854200"/>
          </a:xfrm>
        </p:spPr>
        <p:txBody>
          <a:bodyPr lIns="198000" tIns="126000" rIns="198000" bIns="12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7"/>
            <a:r>
              <a:rPr lang="en-GB" dirty="0"/>
              <a:t>Click to add subtitle</a:t>
            </a:r>
          </a:p>
        </p:txBody>
      </p:sp>
      <p:sp>
        <p:nvSpPr>
          <p:cNvPr id="6" name="Logo - freeform">
            <a:extLst>
              <a:ext uri="{FF2B5EF4-FFF2-40B4-BE49-F238E27FC236}">
                <a16:creationId xmlns:a16="http://schemas.microsoft.com/office/drawing/2014/main" id="{7C0B7C54-BB23-9FDC-51B5-60D0E0619F4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90800" y="6556701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B96D470-D4D1-210D-7665-C74903C532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4BAB8B75-C663-7641-4486-474A396CF1B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36435870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front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uide">
            <a:extLst>
              <a:ext uri="{FF2B5EF4-FFF2-40B4-BE49-F238E27FC236}">
                <a16:creationId xmlns:a16="http://schemas.microsoft.com/office/drawing/2014/main" id="{41142E58-7393-F68B-7BE0-516A5528096D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02EAC2C7-807A-2E5F-50CE-2943BE94B6C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D54A843B-0FF1-5382-8E19-63E5959DC73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insert picture</a:t>
              </a:r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9A30FC6F-19FB-9CDA-4A61-BDE7AD690ADE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icon and select image </a:t>
              </a:r>
            </a:p>
          </p:txBody>
        </p:sp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BD438341-2CC6-F8B8-578C-0EFBA4BF56C3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0B0AFAEC-1715-B07F-FFEA-EC750818A54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Once you have inserted image, right click on it and select option 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Send to Back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AA77E08F-0E57-3332-70E0-389FDE443FB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>
                  <a:solidFill>
                    <a:schemeClr val="bg1"/>
                  </a:solidFill>
                </a:rPr>
                <a:t>How to change picture</a:t>
              </a: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78D36230-14BB-12EB-491B-64CAC5937A8C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>
                  <a:solidFill>
                    <a:schemeClr val="bg1"/>
                  </a:solidFill>
                </a:rPr>
                <a:t>Click on the frame of slide and select picture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0" dirty="0">
                  <a:solidFill>
                    <a:schemeClr val="bg1"/>
                  </a:solidFill>
                </a:rPr>
                <a:t>Once you have selected image right click on it and select option</a:t>
              </a:r>
              <a:br>
                <a:rPr lang="en-GB" sz="1200" b="0" dirty="0">
                  <a:solidFill>
                    <a:schemeClr val="bg1"/>
                  </a:solidFill>
                </a:rPr>
              </a:br>
              <a:r>
                <a:rPr lang="en-GB" sz="1200" b="1" dirty="0">
                  <a:solidFill>
                    <a:schemeClr val="bg1"/>
                  </a:solidFill>
                </a:rPr>
                <a:t>Change picture</a:t>
              </a:r>
              <a:endParaRPr lang="en-GB" sz="1200" b="0" dirty="0">
                <a:solidFill>
                  <a:schemeClr val="bg1"/>
                </a:solidFill>
              </a:endParaRPr>
            </a:p>
          </p:txBody>
        </p:sp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005430F7-467A-3D2B-3504-31AC0D9B91F3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35" name="Grid - freeform">
            <a:extLst>
              <a:ext uri="{FF2B5EF4-FFF2-40B4-BE49-F238E27FC236}">
                <a16:creationId xmlns:a16="http://schemas.microsoft.com/office/drawing/2014/main" id="{2DDB9CE3-63AE-3A4C-9656-1872AEDC73F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0" y="2"/>
            <a:ext cx="12192000" cy="6857998"/>
          </a:xfrm>
          <a:custGeom>
            <a:avLst/>
            <a:gdLst>
              <a:gd name="connsiteX0" fmla="*/ 9193444 w 12192000"/>
              <a:gd name="connsiteY0" fmla="*/ 5192943 h 6857998"/>
              <a:gd name="connsiteX1" fmla="*/ 9193444 w 12192000"/>
              <a:gd name="connsiteY1" fmla="*/ 6668993 h 6857998"/>
              <a:gd name="connsiteX2" fmla="*/ 12001406 w 12192000"/>
              <a:gd name="connsiteY2" fmla="*/ 6668993 h 6857998"/>
              <a:gd name="connsiteX3" fmla="*/ 12001406 w 12192000"/>
              <a:gd name="connsiteY3" fmla="*/ 5192943 h 6857998"/>
              <a:gd name="connsiteX4" fmla="*/ 9006666 w 12192000"/>
              <a:gd name="connsiteY4" fmla="*/ 5192943 h 6857998"/>
              <a:gd name="connsiteX5" fmla="*/ 9006666 w 12192000"/>
              <a:gd name="connsiteY5" fmla="*/ 6668993 h 6857998"/>
              <a:gd name="connsiteX6" fmla="*/ 9186244 w 12192000"/>
              <a:gd name="connsiteY6" fmla="*/ 6668993 h 6857998"/>
              <a:gd name="connsiteX7" fmla="*/ 9186244 w 12192000"/>
              <a:gd name="connsiteY7" fmla="*/ 5192943 h 6857998"/>
              <a:gd name="connsiteX8" fmla="*/ 6191504 w 12192000"/>
              <a:gd name="connsiteY8" fmla="*/ 5192943 h 6857998"/>
              <a:gd name="connsiteX9" fmla="*/ 6191504 w 12192000"/>
              <a:gd name="connsiteY9" fmla="*/ 6668993 h 6857998"/>
              <a:gd name="connsiteX10" fmla="*/ 8999466 w 12192000"/>
              <a:gd name="connsiteY10" fmla="*/ 6668993 h 6857998"/>
              <a:gd name="connsiteX11" fmla="*/ 8999466 w 12192000"/>
              <a:gd name="connsiteY11" fmla="*/ 5192943 h 6857998"/>
              <a:gd name="connsiteX12" fmla="*/ 6006316 w 12192000"/>
              <a:gd name="connsiteY12" fmla="*/ 5192943 h 6857998"/>
              <a:gd name="connsiteX13" fmla="*/ 6006316 w 12192000"/>
              <a:gd name="connsiteY13" fmla="*/ 6668993 h 6857998"/>
              <a:gd name="connsiteX14" fmla="*/ 6184304 w 12192000"/>
              <a:gd name="connsiteY14" fmla="*/ 6668993 h 6857998"/>
              <a:gd name="connsiteX15" fmla="*/ 6184304 w 12192000"/>
              <a:gd name="connsiteY15" fmla="*/ 5192943 h 6857998"/>
              <a:gd name="connsiteX16" fmla="*/ 3191152 w 12192000"/>
              <a:gd name="connsiteY16" fmla="*/ 5192943 h 6857998"/>
              <a:gd name="connsiteX17" fmla="*/ 3191152 w 12192000"/>
              <a:gd name="connsiteY17" fmla="*/ 6668993 h 6857998"/>
              <a:gd name="connsiteX18" fmla="*/ 5999116 w 12192000"/>
              <a:gd name="connsiteY18" fmla="*/ 6668993 h 6857998"/>
              <a:gd name="connsiteX19" fmla="*/ 5999116 w 12192000"/>
              <a:gd name="connsiteY19" fmla="*/ 5192943 h 6857998"/>
              <a:gd name="connsiteX20" fmla="*/ 3004803 w 12192000"/>
              <a:gd name="connsiteY20" fmla="*/ 5192943 h 6857998"/>
              <a:gd name="connsiteX21" fmla="*/ 3004803 w 12192000"/>
              <a:gd name="connsiteY21" fmla="*/ 6668993 h 6857998"/>
              <a:gd name="connsiteX22" fmla="*/ 3183952 w 12192000"/>
              <a:gd name="connsiteY22" fmla="*/ 6668993 h 6857998"/>
              <a:gd name="connsiteX23" fmla="*/ 3183952 w 12192000"/>
              <a:gd name="connsiteY23" fmla="*/ 5192943 h 6857998"/>
              <a:gd name="connsiteX24" fmla="*/ 190221 w 12192000"/>
              <a:gd name="connsiteY24" fmla="*/ 5192943 h 6857998"/>
              <a:gd name="connsiteX25" fmla="*/ 190221 w 12192000"/>
              <a:gd name="connsiteY25" fmla="*/ 6668993 h 6857998"/>
              <a:gd name="connsiteX26" fmla="*/ 2997602 w 12192000"/>
              <a:gd name="connsiteY26" fmla="*/ 6668993 h 6857998"/>
              <a:gd name="connsiteX27" fmla="*/ 2997602 w 12192000"/>
              <a:gd name="connsiteY27" fmla="*/ 5192943 h 6857998"/>
              <a:gd name="connsiteX28" fmla="*/ 9193444 w 12192000"/>
              <a:gd name="connsiteY28" fmla="*/ 5006166 h 6857998"/>
              <a:gd name="connsiteX29" fmla="*/ 9193444 w 12192000"/>
              <a:gd name="connsiteY29" fmla="*/ 5185743 h 6857998"/>
              <a:gd name="connsiteX30" fmla="*/ 12001406 w 12192000"/>
              <a:gd name="connsiteY30" fmla="*/ 5185743 h 6857998"/>
              <a:gd name="connsiteX31" fmla="*/ 12001406 w 12192000"/>
              <a:gd name="connsiteY31" fmla="*/ 5006166 h 6857998"/>
              <a:gd name="connsiteX32" fmla="*/ 9006666 w 12192000"/>
              <a:gd name="connsiteY32" fmla="*/ 5006166 h 6857998"/>
              <a:gd name="connsiteX33" fmla="*/ 9006666 w 12192000"/>
              <a:gd name="connsiteY33" fmla="*/ 5185743 h 6857998"/>
              <a:gd name="connsiteX34" fmla="*/ 9186244 w 12192000"/>
              <a:gd name="connsiteY34" fmla="*/ 5185743 h 6857998"/>
              <a:gd name="connsiteX35" fmla="*/ 9186244 w 12192000"/>
              <a:gd name="connsiteY35" fmla="*/ 5006166 h 6857998"/>
              <a:gd name="connsiteX36" fmla="*/ 6191504 w 12192000"/>
              <a:gd name="connsiteY36" fmla="*/ 5006166 h 6857998"/>
              <a:gd name="connsiteX37" fmla="*/ 6191504 w 12192000"/>
              <a:gd name="connsiteY37" fmla="*/ 5185743 h 6857998"/>
              <a:gd name="connsiteX38" fmla="*/ 8999466 w 12192000"/>
              <a:gd name="connsiteY38" fmla="*/ 5185743 h 6857998"/>
              <a:gd name="connsiteX39" fmla="*/ 8999466 w 12192000"/>
              <a:gd name="connsiteY39" fmla="*/ 5006166 h 6857998"/>
              <a:gd name="connsiteX40" fmla="*/ 6006316 w 12192000"/>
              <a:gd name="connsiteY40" fmla="*/ 5006166 h 6857998"/>
              <a:gd name="connsiteX41" fmla="*/ 6006316 w 12192000"/>
              <a:gd name="connsiteY41" fmla="*/ 5185743 h 6857998"/>
              <a:gd name="connsiteX42" fmla="*/ 6184304 w 12192000"/>
              <a:gd name="connsiteY42" fmla="*/ 5185743 h 6857998"/>
              <a:gd name="connsiteX43" fmla="*/ 6184304 w 12192000"/>
              <a:gd name="connsiteY43" fmla="*/ 5006166 h 6857998"/>
              <a:gd name="connsiteX44" fmla="*/ 3191152 w 12192000"/>
              <a:gd name="connsiteY44" fmla="*/ 5006166 h 6857998"/>
              <a:gd name="connsiteX45" fmla="*/ 3191152 w 12192000"/>
              <a:gd name="connsiteY45" fmla="*/ 5185743 h 6857998"/>
              <a:gd name="connsiteX46" fmla="*/ 5999116 w 12192000"/>
              <a:gd name="connsiteY46" fmla="*/ 5185743 h 6857998"/>
              <a:gd name="connsiteX47" fmla="*/ 5999116 w 12192000"/>
              <a:gd name="connsiteY47" fmla="*/ 5006166 h 6857998"/>
              <a:gd name="connsiteX48" fmla="*/ 3004803 w 12192000"/>
              <a:gd name="connsiteY48" fmla="*/ 5006166 h 6857998"/>
              <a:gd name="connsiteX49" fmla="*/ 3004803 w 12192000"/>
              <a:gd name="connsiteY49" fmla="*/ 5185743 h 6857998"/>
              <a:gd name="connsiteX50" fmla="*/ 3183952 w 12192000"/>
              <a:gd name="connsiteY50" fmla="*/ 5185743 h 6857998"/>
              <a:gd name="connsiteX51" fmla="*/ 3183952 w 12192000"/>
              <a:gd name="connsiteY51" fmla="*/ 5006166 h 6857998"/>
              <a:gd name="connsiteX52" fmla="*/ 190221 w 12192000"/>
              <a:gd name="connsiteY52" fmla="*/ 5006166 h 6857998"/>
              <a:gd name="connsiteX53" fmla="*/ 190221 w 12192000"/>
              <a:gd name="connsiteY53" fmla="*/ 5185743 h 6857998"/>
              <a:gd name="connsiteX54" fmla="*/ 2997602 w 12192000"/>
              <a:gd name="connsiteY54" fmla="*/ 5185743 h 6857998"/>
              <a:gd name="connsiteX55" fmla="*/ 2997602 w 12192000"/>
              <a:gd name="connsiteY55" fmla="*/ 5006166 h 6857998"/>
              <a:gd name="connsiteX56" fmla="*/ 9193444 w 12192000"/>
              <a:gd name="connsiteY56" fmla="*/ 3524503 h 6857998"/>
              <a:gd name="connsiteX57" fmla="*/ 9193444 w 12192000"/>
              <a:gd name="connsiteY57" fmla="*/ 4998966 h 6857998"/>
              <a:gd name="connsiteX58" fmla="*/ 12001406 w 12192000"/>
              <a:gd name="connsiteY58" fmla="*/ 4998966 h 6857998"/>
              <a:gd name="connsiteX59" fmla="*/ 12001406 w 12192000"/>
              <a:gd name="connsiteY59" fmla="*/ 3524503 h 6857998"/>
              <a:gd name="connsiteX60" fmla="*/ 9006666 w 12192000"/>
              <a:gd name="connsiteY60" fmla="*/ 3524503 h 6857998"/>
              <a:gd name="connsiteX61" fmla="*/ 9006666 w 12192000"/>
              <a:gd name="connsiteY61" fmla="*/ 4998966 h 6857998"/>
              <a:gd name="connsiteX62" fmla="*/ 9186244 w 12192000"/>
              <a:gd name="connsiteY62" fmla="*/ 4998966 h 6857998"/>
              <a:gd name="connsiteX63" fmla="*/ 9186244 w 12192000"/>
              <a:gd name="connsiteY63" fmla="*/ 3524503 h 6857998"/>
              <a:gd name="connsiteX64" fmla="*/ 6191504 w 12192000"/>
              <a:gd name="connsiteY64" fmla="*/ 3524503 h 6857998"/>
              <a:gd name="connsiteX65" fmla="*/ 6191504 w 12192000"/>
              <a:gd name="connsiteY65" fmla="*/ 4998966 h 6857998"/>
              <a:gd name="connsiteX66" fmla="*/ 8999466 w 12192000"/>
              <a:gd name="connsiteY66" fmla="*/ 4998966 h 6857998"/>
              <a:gd name="connsiteX67" fmla="*/ 8999466 w 12192000"/>
              <a:gd name="connsiteY67" fmla="*/ 3524503 h 6857998"/>
              <a:gd name="connsiteX68" fmla="*/ 6006316 w 12192000"/>
              <a:gd name="connsiteY68" fmla="*/ 3524503 h 6857998"/>
              <a:gd name="connsiteX69" fmla="*/ 6006316 w 12192000"/>
              <a:gd name="connsiteY69" fmla="*/ 4998966 h 6857998"/>
              <a:gd name="connsiteX70" fmla="*/ 6184304 w 12192000"/>
              <a:gd name="connsiteY70" fmla="*/ 4998966 h 6857998"/>
              <a:gd name="connsiteX71" fmla="*/ 6184304 w 12192000"/>
              <a:gd name="connsiteY71" fmla="*/ 3524503 h 6857998"/>
              <a:gd name="connsiteX72" fmla="*/ 3191152 w 12192000"/>
              <a:gd name="connsiteY72" fmla="*/ 3524503 h 6857998"/>
              <a:gd name="connsiteX73" fmla="*/ 3191152 w 12192000"/>
              <a:gd name="connsiteY73" fmla="*/ 4998966 h 6857998"/>
              <a:gd name="connsiteX74" fmla="*/ 5999116 w 12192000"/>
              <a:gd name="connsiteY74" fmla="*/ 4998966 h 6857998"/>
              <a:gd name="connsiteX75" fmla="*/ 5999116 w 12192000"/>
              <a:gd name="connsiteY75" fmla="*/ 3524503 h 6857998"/>
              <a:gd name="connsiteX76" fmla="*/ 3004803 w 12192000"/>
              <a:gd name="connsiteY76" fmla="*/ 3524503 h 6857998"/>
              <a:gd name="connsiteX77" fmla="*/ 3004803 w 12192000"/>
              <a:gd name="connsiteY77" fmla="*/ 4998966 h 6857998"/>
              <a:gd name="connsiteX78" fmla="*/ 3183952 w 12192000"/>
              <a:gd name="connsiteY78" fmla="*/ 4998966 h 6857998"/>
              <a:gd name="connsiteX79" fmla="*/ 3183952 w 12192000"/>
              <a:gd name="connsiteY79" fmla="*/ 3524503 h 6857998"/>
              <a:gd name="connsiteX80" fmla="*/ 190221 w 12192000"/>
              <a:gd name="connsiteY80" fmla="*/ 3524503 h 6857998"/>
              <a:gd name="connsiteX81" fmla="*/ 190221 w 12192000"/>
              <a:gd name="connsiteY81" fmla="*/ 4998966 h 6857998"/>
              <a:gd name="connsiteX82" fmla="*/ 2997602 w 12192000"/>
              <a:gd name="connsiteY82" fmla="*/ 4998966 h 6857998"/>
              <a:gd name="connsiteX83" fmla="*/ 2997602 w 12192000"/>
              <a:gd name="connsiteY83" fmla="*/ 3524503 h 6857998"/>
              <a:gd name="connsiteX84" fmla="*/ 9193444 w 12192000"/>
              <a:gd name="connsiteY84" fmla="*/ 3339315 h 6857998"/>
              <a:gd name="connsiteX85" fmla="*/ 9193444 w 12192000"/>
              <a:gd name="connsiteY85" fmla="*/ 3517303 h 6857998"/>
              <a:gd name="connsiteX86" fmla="*/ 12001406 w 12192000"/>
              <a:gd name="connsiteY86" fmla="*/ 3517303 h 6857998"/>
              <a:gd name="connsiteX87" fmla="*/ 12001406 w 12192000"/>
              <a:gd name="connsiteY87" fmla="*/ 3339315 h 6857998"/>
              <a:gd name="connsiteX88" fmla="*/ 9006666 w 12192000"/>
              <a:gd name="connsiteY88" fmla="*/ 3339315 h 6857998"/>
              <a:gd name="connsiteX89" fmla="*/ 9006666 w 12192000"/>
              <a:gd name="connsiteY89" fmla="*/ 3517303 h 6857998"/>
              <a:gd name="connsiteX90" fmla="*/ 9186244 w 12192000"/>
              <a:gd name="connsiteY90" fmla="*/ 3517303 h 6857998"/>
              <a:gd name="connsiteX91" fmla="*/ 9186244 w 12192000"/>
              <a:gd name="connsiteY91" fmla="*/ 3339315 h 6857998"/>
              <a:gd name="connsiteX92" fmla="*/ 6191504 w 12192000"/>
              <a:gd name="connsiteY92" fmla="*/ 3339315 h 6857998"/>
              <a:gd name="connsiteX93" fmla="*/ 6191504 w 12192000"/>
              <a:gd name="connsiteY93" fmla="*/ 3517303 h 6857998"/>
              <a:gd name="connsiteX94" fmla="*/ 8999466 w 12192000"/>
              <a:gd name="connsiteY94" fmla="*/ 3517303 h 6857998"/>
              <a:gd name="connsiteX95" fmla="*/ 8999466 w 12192000"/>
              <a:gd name="connsiteY95" fmla="*/ 3339315 h 6857998"/>
              <a:gd name="connsiteX96" fmla="*/ 6006316 w 12192000"/>
              <a:gd name="connsiteY96" fmla="*/ 3339315 h 6857998"/>
              <a:gd name="connsiteX97" fmla="*/ 6006316 w 12192000"/>
              <a:gd name="connsiteY97" fmla="*/ 3517303 h 6857998"/>
              <a:gd name="connsiteX98" fmla="*/ 6184304 w 12192000"/>
              <a:gd name="connsiteY98" fmla="*/ 3517303 h 6857998"/>
              <a:gd name="connsiteX99" fmla="*/ 6184304 w 12192000"/>
              <a:gd name="connsiteY99" fmla="*/ 3339315 h 6857998"/>
              <a:gd name="connsiteX100" fmla="*/ 3191152 w 12192000"/>
              <a:gd name="connsiteY100" fmla="*/ 3339315 h 6857998"/>
              <a:gd name="connsiteX101" fmla="*/ 3191152 w 12192000"/>
              <a:gd name="connsiteY101" fmla="*/ 3517303 h 6857998"/>
              <a:gd name="connsiteX102" fmla="*/ 5999116 w 12192000"/>
              <a:gd name="connsiteY102" fmla="*/ 3517303 h 6857998"/>
              <a:gd name="connsiteX103" fmla="*/ 5999116 w 12192000"/>
              <a:gd name="connsiteY103" fmla="*/ 3339315 h 6857998"/>
              <a:gd name="connsiteX104" fmla="*/ 3004803 w 12192000"/>
              <a:gd name="connsiteY104" fmla="*/ 3339315 h 6857998"/>
              <a:gd name="connsiteX105" fmla="*/ 3004803 w 12192000"/>
              <a:gd name="connsiteY105" fmla="*/ 3517303 h 6857998"/>
              <a:gd name="connsiteX106" fmla="*/ 3183952 w 12192000"/>
              <a:gd name="connsiteY106" fmla="*/ 3517303 h 6857998"/>
              <a:gd name="connsiteX107" fmla="*/ 3183952 w 12192000"/>
              <a:gd name="connsiteY107" fmla="*/ 3339315 h 6857998"/>
              <a:gd name="connsiteX108" fmla="*/ 190221 w 12192000"/>
              <a:gd name="connsiteY108" fmla="*/ 3339315 h 6857998"/>
              <a:gd name="connsiteX109" fmla="*/ 190221 w 12192000"/>
              <a:gd name="connsiteY109" fmla="*/ 3517303 h 6857998"/>
              <a:gd name="connsiteX110" fmla="*/ 2997602 w 12192000"/>
              <a:gd name="connsiteY110" fmla="*/ 3517303 h 6857998"/>
              <a:gd name="connsiteX111" fmla="*/ 2997602 w 12192000"/>
              <a:gd name="connsiteY111" fmla="*/ 3339315 h 6857998"/>
              <a:gd name="connsiteX112" fmla="*/ 9193444 w 12192000"/>
              <a:gd name="connsiteY112" fmla="*/ 1859240 h 6857998"/>
              <a:gd name="connsiteX113" fmla="*/ 9193444 w 12192000"/>
              <a:gd name="connsiteY113" fmla="*/ 3332115 h 6857998"/>
              <a:gd name="connsiteX114" fmla="*/ 12001406 w 12192000"/>
              <a:gd name="connsiteY114" fmla="*/ 3332115 h 6857998"/>
              <a:gd name="connsiteX115" fmla="*/ 12001406 w 12192000"/>
              <a:gd name="connsiteY115" fmla="*/ 1859240 h 6857998"/>
              <a:gd name="connsiteX116" fmla="*/ 9006666 w 12192000"/>
              <a:gd name="connsiteY116" fmla="*/ 1859240 h 6857998"/>
              <a:gd name="connsiteX117" fmla="*/ 9006666 w 12192000"/>
              <a:gd name="connsiteY117" fmla="*/ 3332115 h 6857998"/>
              <a:gd name="connsiteX118" fmla="*/ 9186244 w 12192000"/>
              <a:gd name="connsiteY118" fmla="*/ 3332115 h 6857998"/>
              <a:gd name="connsiteX119" fmla="*/ 9186244 w 12192000"/>
              <a:gd name="connsiteY119" fmla="*/ 1859240 h 6857998"/>
              <a:gd name="connsiteX120" fmla="*/ 6191504 w 12192000"/>
              <a:gd name="connsiteY120" fmla="*/ 1859240 h 6857998"/>
              <a:gd name="connsiteX121" fmla="*/ 6191504 w 12192000"/>
              <a:gd name="connsiteY121" fmla="*/ 3332115 h 6857998"/>
              <a:gd name="connsiteX122" fmla="*/ 8999466 w 12192000"/>
              <a:gd name="connsiteY122" fmla="*/ 3332115 h 6857998"/>
              <a:gd name="connsiteX123" fmla="*/ 8999466 w 12192000"/>
              <a:gd name="connsiteY123" fmla="*/ 1859240 h 6857998"/>
              <a:gd name="connsiteX124" fmla="*/ 6006316 w 12192000"/>
              <a:gd name="connsiteY124" fmla="*/ 1859240 h 6857998"/>
              <a:gd name="connsiteX125" fmla="*/ 6006316 w 12192000"/>
              <a:gd name="connsiteY125" fmla="*/ 3332115 h 6857998"/>
              <a:gd name="connsiteX126" fmla="*/ 6184304 w 12192000"/>
              <a:gd name="connsiteY126" fmla="*/ 3332115 h 6857998"/>
              <a:gd name="connsiteX127" fmla="*/ 6184304 w 12192000"/>
              <a:gd name="connsiteY127" fmla="*/ 1859240 h 6857998"/>
              <a:gd name="connsiteX128" fmla="*/ 3191152 w 12192000"/>
              <a:gd name="connsiteY128" fmla="*/ 1859240 h 6857998"/>
              <a:gd name="connsiteX129" fmla="*/ 3191152 w 12192000"/>
              <a:gd name="connsiteY129" fmla="*/ 3332115 h 6857998"/>
              <a:gd name="connsiteX130" fmla="*/ 5999116 w 12192000"/>
              <a:gd name="connsiteY130" fmla="*/ 3332115 h 6857998"/>
              <a:gd name="connsiteX131" fmla="*/ 5999116 w 12192000"/>
              <a:gd name="connsiteY131" fmla="*/ 1859240 h 6857998"/>
              <a:gd name="connsiteX132" fmla="*/ 3004803 w 12192000"/>
              <a:gd name="connsiteY132" fmla="*/ 1859240 h 6857998"/>
              <a:gd name="connsiteX133" fmla="*/ 3004803 w 12192000"/>
              <a:gd name="connsiteY133" fmla="*/ 3332115 h 6857998"/>
              <a:gd name="connsiteX134" fmla="*/ 3183952 w 12192000"/>
              <a:gd name="connsiteY134" fmla="*/ 3332115 h 6857998"/>
              <a:gd name="connsiteX135" fmla="*/ 3183952 w 12192000"/>
              <a:gd name="connsiteY135" fmla="*/ 1859240 h 6857998"/>
              <a:gd name="connsiteX136" fmla="*/ 190221 w 12192000"/>
              <a:gd name="connsiteY136" fmla="*/ 1859240 h 6857998"/>
              <a:gd name="connsiteX137" fmla="*/ 190221 w 12192000"/>
              <a:gd name="connsiteY137" fmla="*/ 3332115 h 6857998"/>
              <a:gd name="connsiteX138" fmla="*/ 2997602 w 12192000"/>
              <a:gd name="connsiteY138" fmla="*/ 3332115 h 6857998"/>
              <a:gd name="connsiteX139" fmla="*/ 2997602 w 12192000"/>
              <a:gd name="connsiteY139" fmla="*/ 1859240 h 6857998"/>
              <a:gd name="connsiteX140" fmla="*/ 9193444 w 12192000"/>
              <a:gd name="connsiteY140" fmla="*/ 1671302 h 6857998"/>
              <a:gd name="connsiteX141" fmla="*/ 9193444 w 12192000"/>
              <a:gd name="connsiteY141" fmla="*/ 1852040 h 6857998"/>
              <a:gd name="connsiteX142" fmla="*/ 12001406 w 12192000"/>
              <a:gd name="connsiteY142" fmla="*/ 1852040 h 6857998"/>
              <a:gd name="connsiteX143" fmla="*/ 12001406 w 12192000"/>
              <a:gd name="connsiteY143" fmla="*/ 1671302 h 6857998"/>
              <a:gd name="connsiteX144" fmla="*/ 9006666 w 12192000"/>
              <a:gd name="connsiteY144" fmla="*/ 1671302 h 6857998"/>
              <a:gd name="connsiteX145" fmla="*/ 9006666 w 12192000"/>
              <a:gd name="connsiteY145" fmla="*/ 1852040 h 6857998"/>
              <a:gd name="connsiteX146" fmla="*/ 9186244 w 12192000"/>
              <a:gd name="connsiteY146" fmla="*/ 1852040 h 6857998"/>
              <a:gd name="connsiteX147" fmla="*/ 9186244 w 12192000"/>
              <a:gd name="connsiteY147" fmla="*/ 1671302 h 6857998"/>
              <a:gd name="connsiteX148" fmla="*/ 6191504 w 12192000"/>
              <a:gd name="connsiteY148" fmla="*/ 1671302 h 6857998"/>
              <a:gd name="connsiteX149" fmla="*/ 6191504 w 12192000"/>
              <a:gd name="connsiteY149" fmla="*/ 1852040 h 6857998"/>
              <a:gd name="connsiteX150" fmla="*/ 8999466 w 12192000"/>
              <a:gd name="connsiteY150" fmla="*/ 1852040 h 6857998"/>
              <a:gd name="connsiteX151" fmla="*/ 8999466 w 12192000"/>
              <a:gd name="connsiteY151" fmla="*/ 1671302 h 6857998"/>
              <a:gd name="connsiteX152" fmla="*/ 6006316 w 12192000"/>
              <a:gd name="connsiteY152" fmla="*/ 1671302 h 6857998"/>
              <a:gd name="connsiteX153" fmla="*/ 6006316 w 12192000"/>
              <a:gd name="connsiteY153" fmla="*/ 1852040 h 6857998"/>
              <a:gd name="connsiteX154" fmla="*/ 6184304 w 12192000"/>
              <a:gd name="connsiteY154" fmla="*/ 1852040 h 6857998"/>
              <a:gd name="connsiteX155" fmla="*/ 6184304 w 12192000"/>
              <a:gd name="connsiteY155" fmla="*/ 1671302 h 6857998"/>
              <a:gd name="connsiteX156" fmla="*/ 3191152 w 12192000"/>
              <a:gd name="connsiteY156" fmla="*/ 1671302 h 6857998"/>
              <a:gd name="connsiteX157" fmla="*/ 3191152 w 12192000"/>
              <a:gd name="connsiteY157" fmla="*/ 1852040 h 6857998"/>
              <a:gd name="connsiteX158" fmla="*/ 5999116 w 12192000"/>
              <a:gd name="connsiteY158" fmla="*/ 1852040 h 6857998"/>
              <a:gd name="connsiteX159" fmla="*/ 5999116 w 12192000"/>
              <a:gd name="connsiteY159" fmla="*/ 1671302 h 6857998"/>
              <a:gd name="connsiteX160" fmla="*/ 3004803 w 12192000"/>
              <a:gd name="connsiteY160" fmla="*/ 1671302 h 6857998"/>
              <a:gd name="connsiteX161" fmla="*/ 3004803 w 12192000"/>
              <a:gd name="connsiteY161" fmla="*/ 1852040 h 6857998"/>
              <a:gd name="connsiteX162" fmla="*/ 3183952 w 12192000"/>
              <a:gd name="connsiteY162" fmla="*/ 1852040 h 6857998"/>
              <a:gd name="connsiteX163" fmla="*/ 3183952 w 12192000"/>
              <a:gd name="connsiteY163" fmla="*/ 1671302 h 6857998"/>
              <a:gd name="connsiteX164" fmla="*/ 190221 w 12192000"/>
              <a:gd name="connsiteY164" fmla="*/ 1671302 h 6857998"/>
              <a:gd name="connsiteX165" fmla="*/ 190221 w 12192000"/>
              <a:gd name="connsiteY165" fmla="*/ 1852040 h 6857998"/>
              <a:gd name="connsiteX166" fmla="*/ 2997602 w 12192000"/>
              <a:gd name="connsiteY166" fmla="*/ 1852040 h 6857998"/>
              <a:gd name="connsiteX167" fmla="*/ 2997602 w 12192000"/>
              <a:gd name="connsiteY167" fmla="*/ 1671302 h 6857998"/>
              <a:gd name="connsiteX168" fmla="*/ 9193444 w 12192000"/>
              <a:gd name="connsiteY168" fmla="*/ 190219 h 6857998"/>
              <a:gd name="connsiteX169" fmla="*/ 9193444 w 12192000"/>
              <a:gd name="connsiteY169" fmla="*/ 1664102 h 6857998"/>
              <a:gd name="connsiteX170" fmla="*/ 12001406 w 12192000"/>
              <a:gd name="connsiteY170" fmla="*/ 1664102 h 6857998"/>
              <a:gd name="connsiteX171" fmla="*/ 12001406 w 12192000"/>
              <a:gd name="connsiteY171" fmla="*/ 190219 h 6857998"/>
              <a:gd name="connsiteX172" fmla="*/ 9006666 w 12192000"/>
              <a:gd name="connsiteY172" fmla="*/ 190219 h 6857998"/>
              <a:gd name="connsiteX173" fmla="*/ 9006666 w 12192000"/>
              <a:gd name="connsiteY173" fmla="*/ 1664102 h 6857998"/>
              <a:gd name="connsiteX174" fmla="*/ 9186244 w 12192000"/>
              <a:gd name="connsiteY174" fmla="*/ 1664102 h 6857998"/>
              <a:gd name="connsiteX175" fmla="*/ 9186244 w 12192000"/>
              <a:gd name="connsiteY175" fmla="*/ 190219 h 6857998"/>
              <a:gd name="connsiteX176" fmla="*/ 6191504 w 12192000"/>
              <a:gd name="connsiteY176" fmla="*/ 190219 h 6857998"/>
              <a:gd name="connsiteX177" fmla="*/ 6191504 w 12192000"/>
              <a:gd name="connsiteY177" fmla="*/ 1664102 h 6857998"/>
              <a:gd name="connsiteX178" fmla="*/ 8999466 w 12192000"/>
              <a:gd name="connsiteY178" fmla="*/ 1664102 h 6857998"/>
              <a:gd name="connsiteX179" fmla="*/ 8999466 w 12192000"/>
              <a:gd name="connsiteY179" fmla="*/ 190219 h 6857998"/>
              <a:gd name="connsiteX180" fmla="*/ 6006316 w 12192000"/>
              <a:gd name="connsiteY180" fmla="*/ 190219 h 6857998"/>
              <a:gd name="connsiteX181" fmla="*/ 6006316 w 12192000"/>
              <a:gd name="connsiteY181" fmla="*/ 1664102 h 6857998"/>
              <a:gd name="connsiteX182" fmla="*/ 6184304 w 12192000"/>
              <a:gd name="connsiteY182" fmla="*/ 1664102 h 6857998"/>
              <a:gd name="connsiteX183" fmla="*/ 6184304 w 12192000"/>
              <a:gd name="connsiteY183" fmla="*/ 190219 h 6857998"/>
              <a:gd name="connsiteX184" fmla="*/ 3191152 w 12192000"/>
              <a:gd name="connsiteY184" fmla="*/ 190219 h 6857998"/>
              <a:gd name="connsiteX185" fmla="*/ 3191152 w 12192000"/>
              <a:gd name="connsiteY185" fmla="*/ 1664102 h 6857998"/>
              <a:gd name="connsiteX186" fmla="*/ 5999116 w 12192000"/>
              <a:gd name="connsiteY186" fmla="*/ 1664102 h 6857998"/>
              <a:gd name="connsiteX187" fmla="*/ 5999116 w 12192000"/>
              <a:gd name="connsiteY187" fmla="*/ 190219 h 6857998"/>
              <a:gd name="connsiteX188" fmla="*/ 3004803 w 12192000"/>
              <a:gd name="connsiteY188" fmla="*/ 190219 h 6857998"/>
              <a:gd name="connsiteX189" fmla="*/ 3004803 w 12192000"/>
              <a:gd name="connsiteY189" fmla="*/ 1664102 h 6857998"/>
              <a:gd name="connsiteX190" fmla="*/ 3183952 w 12192000"/>
              <a:gd name="connsiteY190" fmla="*/ 1664102 h 6857998"/>
              <a:gd name="connsiteX191" fmla="*/ 3183952 w 12192000"/>
              <a:gd name="connsiteY191" fmla="*/ 190219 h 6857998"/>
              <a:gd name="connsiteX192" fmla="*/ 190221 w 12192000"/>
              <a:gd name="connsiteY192" fmla="*/ 190219 h 6857998"/>
              <a:gd name="connsiteX193" fmla="*/ 190221 w 12192000"/>
              <a:gd name="connsiteY193" fmla="*/ 1664102 h 6857998"/>
              <a:gd name="connsiteX194" fmla="*/ 2997602 w 12192000"/>
              <a:gd name="connsiteY194" fmla="*/ 1664102 h 6857998"/>
              <a:gd name="connsiteX195" fmla="*/ 2997602 w 12192000"/>
              <a:gd name="connsiteY195" fmla="*/ 190219 h 6857998"/>
              <a:gd name="connsiteX196" fmla="*/ 183021 w 12192000"/>
              <a:gd name="connsiteY196" fmla="*/ 0 h 6857998"/>
              <a:gd name="connsiteX197" fmla="*/ 190221 w 12192000"/>
              <a:gd name="connsiteY197" fmla="*/ 0 h 6857998"/>
              <a:gd name="connsiteX198" fmla="*/ 190221 w 12192000"/>
              <a:gd name="connsiteY198" fmla="*/ 183019 h 6857998"/>
              <a:gd name="connsiteX199" fmla="*/ 2997602 w 12192000"/>
              <a:gd name="connsiteY199" fmla="*/ 183019 h 6857998"/>
              <a:gd name="connsiteX200" fmla="*/ 2997602 w 12192000"/>
              <a:gd name="connsiteY200" fmla="*/ 0 h 6857998"/>
              <a:gd name="connsiteX201" fmla="*/ 3004803 w 12192000"/>
              <a:gd name="connsiteY201" fmla="*/ 0 h 6857998"/>
              <a:gd name="connsiteX202" fmla="*/ 3004803 w 12192000"/>
              <a:gd name="connsiteY202" fmla="*/ 183019 h 6857998"/>
              <a:gd name="connsiteX203" fmla="*/ 3183952 w 12192000"/>
              <a:gd name="connsiteY203" fmla="*/ 183019 h 6857998"/>
              <a:gd name="connsiteX204" fmla="*/ 3183952 w 12192000"/>
              <a:gd name="connsiteY204" fmla="*/ 0 h 6857998"/>
              <a:gd name="connsiteX205" fmla="*/ 3191152 w 12192000"/>
              <a:gd name="connsiteY205" fmla="*/ 0 h 6857998"/>
              <a:gd name="connsiteX206" fmla="*/ 3191152 w 12192000"/>
              <a:gd name="connsiteY206" fmla="*/ 183019 h 6857998"/>
              <a:gd name="connsiteX207" fmla="*/ 5999116 w 12192000"/>
              <a:gd name="connsiteY207" fmla="*/ 183019 h 6857998"/>
              <a:gd name="connsiteX208" fmla="*/ 5999116 w 12192000"/>
              <a:gd name="connsiteY208" fmla="*/ 0 h 6857998"/>
              <a:gd name="connsiteX209" fmla="*/ 6006316 w 12192000"/>
              <a:gd name="connsiteY209" fmla="*/ 0 h 6857998"/>
              <a:gd name="connsiteX210" fmla="*/ 6006316 w 12192000"/>
              <a:gd name="connsiteY210" fmla="*/ 183019 h 6857998"/>
              <a:gd name="connsiteX211" fmla="*/ 6184304 w 12192000"/>
              <a:gd name="connsiteY211" fmla="*/ 183019 h 6857998"/>
              <a:gd name="connsiteX212" fmla="*/ 6184304 w 12192000"/>
              <a:gd name="connsiteY212" fmla="*/ 0 h 6857998"/>
              <a:gd name="connsiteX213" fmla="*/ 6191504 w 12192000"/>
              <a:gd name="connsiteY213" fmla="*/ 0 h 6857998"/>
              <a:gd name="connsiteX214" fmla="*/ 6191504 w 12192000"/>
              <a:gd name="connsiteY214" fmla="*/ 183019 h 6857998"/>
              <a:gd name="connsiteX215" fmla="*/ 8999466 w 12192000"/>
              <a:gd name="connsiteY215" fmla="*/ 183019 h 6857998"/>
              <a:gd name="connsiteX216" fmla="*/ 8999466 w 12192000"/>
              <a:gd name="connsiteY216" fmla="*/ 0 h 6857998"/>
              <a:gd name="connsiteX217" fmla="*/ 9006666 w 12192000"/>
              <a:gd name="connsiteY217" fmla="*/ 0 h 6857998"/>
              <a:gd name="connsiteX218" fmla="*/ 9006666 w 12192000"/>
              <a:gd name="connsiteY218" fmla="*/ 183019 h 6857998"/>
              <a:gd name="connsiteX219" fmla="*/ 9186244 w 12192000"/>
              <a:gd name="connsiteY219" fmla="*/ 183019 h 6857998"/>
              <a:gd name="connsiteX220" fmla="*/ 9186244 w 12192000"/>
              <a:gd name="connsiteY220" fmla="*/ 1 h 6857998"/>
              <a:gd name="connsiteX221" fmla="*/ 9193444 w 12192000"/>
              <a:gd name="connsiteY221" fmla="*/ 1 h 6857998"/>
              <a:gd name="connsiteX222" fmla="*/ 9193444 w 12192000"/>
              <a:gd name="connsiteY222" fmla="*/ 183019 h 6857998"/>
              <a:gd name="connsiteX223" fmla="*/ 12001406 w 12192000"/>
              <a:gd name="connsiteY223" fmla="*/ 183019 h 6857998"/>
              <a:gd name="connsiteX224" fmla="*/ 12001406 w 12192000"/>
              <a:gd name="connsiteY224" fmla="*/ 1 h 6857998"/>
              <a:gd name="connsiteX225" fmla="*/ 12008606 w 12192000"/>
              <a:gd name="connsiteY225" fmla="*/ 1 h 6857998"/>
              <a:gd name="connsiteX226" fmla="*/ 12008606 w 12192000"/>
              <a:gd name="connsiteY226" fmla="*/ 183019 h 6857998"/>
              <a:gd name="connsiteX227" fmla="*/ 12192000 w 12192000"/>
              <a:gd name="connsiteY227" fmla="*/ 183019 h 6857998"/>
              <a:gd name="connsiteX228" fmla="*/ 12192000 w 12192000"/>
              <a:gd name="connsiteY228" fmla="*/ 190219 h 6857998"/>
              <a:gd name="connsiteX229" fmla="*/ 12008606 w 12192000"/>
              <a:gd name="connsiteY229" fmla="*/ 190219 h 6857998"/>
              <a:gd name="connsiteX230" fmla="*/ 12008606 w 12192000"/>
              <a:gd name="connsiteY230" fmla="*/ 1664102 h 6857998"/>
              <a:gd name="connsiteX231" fmla="*/ 12192000 w 12192000"/>
              <a:gd name="connsiteY231" fmla="*/ 1664102 h 6857998"/>
              <a:gd name="connsiteX232" fmla="*/ 12192000 w 12192000"/>
              <a:gd name="connsiteY232" fmla="*/ 1671302 h 6857998"/>
              <a:gd name="connsiteX233" fmla="*/ 12008606 w 12192000"/>
              <a:gd name="connsiteY233" fmla="*/ 1671302 h 6857998"/>
              <a:gd name="connsiteX234" fmla="*/ 12008606 w 12192000"/>
              <a:gd name="connsiteY234" fmla="*/ 1852040 h 6857998"/>
              <a:gd name="connsiteX235" fmla="*/ 12192000 w 12192000"/>
              <a:gd name="connsiteY235" fmla="*/ 1852040 h 6857998"/>
              <a:gd name="connsiteX236" fmla="*/ 12192000 w 12192000"/>
              <a:gd name="connsiteY236" fmla="*/ 1859240 h 6857998"/>
              <a:gd name="connsiteX237" fmla="*/ 12008606 w 12192000"/>
              <a:gd name="connsiteY237" fmla="*/ 1859240 h 6857998"/>
              <a:gd name="connsiteX238" fmla="*/ 12008606 w 12192000"/>
              <a:gd name="connsiteY238" fmla="*/ 3332115 h 6857998"/>
              <a:gd name="connsiteX239" fmla="*/ 12192000 w 12192000"/>
              <a:gd name="connsiteY239" fmla="*/ 3332115 h 6857998"/>
              <a:gd name="connsiteX240" fmla="*/ 12192000 w 12192000"/>
              <a:gd name="connsiteY240" fmla="*/ 3339315 h 6857998"/>
              <a:gd name="connsiteX241" fmla="*/ 12008606 w 12192000"/>
              <a:gd name="connsiteY241" fmla="*/ 3339315 h 6857998"/>
              <a:gd name="connsiteX242" fmla="*/ 12008606 w 12192000"/>
              <a:gd name="connsiteY242" fmla="*/ 3517303 h 6857998"/>
              <a:gd name="connsiteX243" fmla="*/ 12192000 w 12192000"/>
              <a:gd name="connsiteY243" fmla="*/ 3517303 h 6857998"/>
              <a:gd name="connsiteX244" fmla="*/ 12192000 w 12192000"/>
              <a:gd name="connsiteY244" fmla="*/ 3524503 h 6857998"/>
              <a:gd name="connsiteX245" fmla="*/ 12008606 w 12192000"/>
              <a:gd name="connsiteY245" fmla="*/ 3524503 h 6857998"/>
              <a:gd name="connsiteX246" fmla="*/ 12008606 w 12192000"/>
              <a:gd name="connsiteY246" fmla="*/ 4998966 h 6857998"/>
              <a:gd name="connsiteX247" fmla="*/ 12192000 w 12192000"/>
              <a:gd name="connsiteY247" fmla="*/ 4998966 h 6857998"/>
              <a:gd name="connsiteX248" fmla="*/ 12192000 w 12192000"/>
              <a:gd name="connsiteY248" fmla="*/ 5006166 h 6857998"/>
              <a:gd name="connsiteX249" fmla="*/ 12008606 w 12192000"/>
              <a:gd name="connsiteY249" fmla="*/ 5006166 h 6857998"/>
              <a:gd name="connsiteX250" fmla="*/ 12008606 w 12192000"/>
              <a:gd name="connsiteY250" fmla="*/ 5185743 h 6857998"/>
              <a:gd name="connsiteX251" fmla="*/ 12192000 w 12192000"/>
              <a:gd name="connsiteY251" fmla="*/ 5185743 h 6857998"/>
              <a:gd name="connsiteX252" fmla="*/ 12192000 w 12192000"/>
              <a:gd name="connsiteY252" fmla="*/ 5192943 h 6857998"/>
              <a:gd name="connsiteX253" fmla="*/ 12008606 w 12192000"/>
              <a:gd name="connsiteY253" fmla="*/ 5192943 h 6857998"/>
              <a:gd name="connsiteX254" fmla="*/ 12008606 w 12192000"/>
              <a:gd name="connsiteY254" fmla="*/ 6668993 h 6857998"/>
              <a:gd name="connsiteX255" fmla="*/ 12192000 w 12192000"/>
              <a:gd name="connsiteY255" fmla="*/ 6668993 h 6857998"/>
              <a:gd name="connsiteX256" fmla="*/ 12192000 w 12192000"/>
              <a:gd name="connsiteY256" fmla="*/ 6676193 h 6857998"/>
              <a:gd name="connsiteX257" fmla="*/ 12008606 w 12192000"/>
              <a:gd name="connsiteY257" fmla="*/ 6676193 h 6857998"/>
              <a:gd name="connsiteX258" fmla="*/ 12008606 w 12192000"/>
              <a:gd name="connsiteY258" fmla="*/ 6857998 h 6857998"/>
              <a:gd name="connsiteX259" fmla="*/ 12001406 w 12192000"/>
              <a:gd name="connsiteY259" fmla="*/ 6857998 h 6857998"/>
              <a:gd name="connsiteX260" fmla="*/ 12001406 w 12192000"/>
              <a:gd name="connsiteY260" fmla="*/ 6676193 h 6857998"/>
              <a:gd name="connsiteX261" fmla="*/ 9193444 w 12192000"/>
              <a:gd name="connsiteY261" fmla="*/ 6676193 h 6857998"/>
              <a:gd name="connsiteX262" fmla="*/ 9193444 w 12192000"/>
              <a:gd name="connsiteY262" fmla="*/ 6857998 h 6857998"/>
              <a:gd name="connsiteX263" fmla="*/ 9186244 w 12192000"/>
              <a:gd name="connsiteY263" fmla="*/ 6857998 h 6857998"/>
              <a:gd name="connsiteX264" fmla="*/ 9186244 w 12192000"/>
              <a:gd name="connsiteY264" fmla="*/ 6676193 h 6857998"/>
              <a:gd name="connsiteX265" fmla="*/ 9006666 w 12192000"/>
              <a:gd name="connsiteY265" fmla="*/ 6676193 h 6857998"/>
              <a:gd name="connsiteX266" fmla="*/ 9006666 w 12192000"/>
              <a:gd name="connsiteY266" fmla="*/ 6857998 h 6857998"/>
              <a:gd name="connsiteX267" fmla="*/ 8999466 w 12192000"/>
              <a:gd name="connsiteY267" fmla="*/ 6857998 h 6857998"/>
              <a:gd name="connsiteX268" fmla="*/ 8999466 w 12192000"/>
              <a:gd name="connsiteY268" fmla="*/ 6676193 h 6857998"/>
              <a:gd name="connsiteX269" fmla="*/ 6191504 w 12192000"/>
              <a:gd name="connsiteY269" fmla="*/ 6676193 h 6857998"/>
              <a:gd name="connsiteX270" fmla="*/ 6191504 w 12192000"/>
              <a:gd name="connsiteY270" fmla="*/ 6857998 h 6857998"/>
              <a:gd name="connsiteX271" fmla="*/ 6184304 w 12192000"/>
              <a:gd name="connsiteY271" fmla="*/ 6857998 h 6857998"/>
              <a:gd name="connsiteX272" fmla="*/ 6184304 w 12192000"/>
              <a:gd name="connsiteY272" fmla="*/ 6676193 h 6857998"/>
              <a:gd name="connsiteX273" fmla="*/ 6006316 w 12192000"/>
              <a:gd name="connsiteY273" fmla="*/ 6676193 h 6857998"/>
              <a:gd name="connsiteX274" fmla="*/ 6006316 w 12192000"/>
              <a:gd name="connsiteY274" fmla="*/ 6857998 h 6857998"/>
              <a:gd name="connsiteX275" fmla="*/ 5999116 w 12192000"/>
              <a:gd name="connsiteY275" fmla="*/ 6857998 h 6857998"/>
              <a:gd name="connsiteX276" fmla="*/ 5999116 w 12192000"/>
              <a:gd name="connsiteY276" fmla="*/ 6676193 h 6857998"/>
              <a:gd name="connsiteX277" fmla="*/ 3191152 w 12192000"/>
              <a:gd name="connsiteY277" fmla="*/ 6676193 h 6857998"/>
              <a:gd name="connsiteX278" fmla="*/ 3191152 w 12192000"/>
              <a:gd name="connsiteY278" fmla="*/ 6857998 h 6857998"/>
              <a:gd name="connsiteX279" fmla="*/ 3183952 w 12192000"/>
              <a:gd name="connsiteY279" fmla="*/ 6857998 h 6857998"/>
              <a:gd name="connsiteX280" fmla="*/ 3183952 w 12192000"/>
              <a:gd name="connsiteY280" fmla="*/ 6676193 h 6857998"/>
              <a:gd name="connsiteX281" fmla="*/ 3004803 w 12192000"/>
              <a:gd name="connsiteY281" fmla="*/ 6676193 h 6857998"/>
              <a:gd name="connsiteX282" fmla="*/ 3004803 w 12192000"/>
              <a:gd name="connsiteY282" fmla="*/ 6857998 h 6857998"/>
              <a:gd name="connsiteX283" fmla="*/ 2997602 w 12192000"/>
              <a:gd name="connsiteY283" fmla="*/ 6857998 h 6857998"/>
              <a:gd name="connsiteX284" fmla="*/ 2997602 w 12192000"/>
              <a:gd name="connsiteY284" fmla="*/ 6676193 h 6857998"/>
              <a:gd name="connsiteX285" fmla="*/ 190221 w 12192000"/>
              <a:gd name="connsiteY285" fmla="*/ 6676193 h 6857998"/>
              <a:gd name="connsiteX286" fmla="*/ 190221 w 12192000"/>
              <a:gd name="connsiteY286" fmla="*/ 6857998 h 6857998"/>
              <a:gd name="connsiteX287" fmla="*/ 183021 w 12192000"/>
              <a:gd name="connsiteY287" fmla="*/ 6857998 h 6857998"/>
              <a:gd name="connsiteX288" fmla="*/ 183021 w 12192000"/>
              <a:gd name="connsiteY288" fmla="*/ 6676193 h 6857998"/>
              <a:gd name="connsiteX289" fmla="*/ 0 w 12192000"/>
              <a:gd name="connsiteY289" fmla="*/ 6676193 h 6857998"/>
              <a:gd name="connsiteX290" fmla="*/ 0 w 12192000"/>
              <a:gd name="connsiteY290" fmla="*/ 6668993 h 6857998"/>
              <a:gd name="connsiteX291" fmla="*/ 183021 w 12192000"/>
              <a:gd name="connsiteY291" fmla="*/ 6668993 h 6857998"/>
              <a:gd name="connsiteX292" fmla="*/ 183021 w 12192000"/>
              <a:gd name="connsiteY292" fmla="*/ 5192943 h 6857998"/>
              <a:gd name="connsiteX293" fmla="*/ 0 w 12192000"/>
              <a:gd name="connsiteY293" fmla="*/ 5192943 h 6857998"/>
              <a:gd name="connsiteX294" fmla="*/ 0 w 12192000"/>
              <a:gd name="connsiteY294" fmla="*/ 5185743 h 6857998"/>
              <a:gd name="connsiteX295" fmla="*/ 183021 w 12192000"/>
              <a:gd name="connsiteY295" fmla="*/ 5185743 h 6857998"/>
              <a:gd name="connsiteX296" fmla="*/ 183021 w 12192000"/>
              <a:gd name="connsiteY296" fmla="*/ 5006166 h 6857998"/>
              <a:gd name="connsiteX297" fmla="*/ 1 w 12192000"/>
              <a:gd name="connsiteY297" fmla="*/ 5006166 h 6857998"/>
              <a:gd name="connsiteX298" fmla="*/ 1 w 12192000"/>
              <a:gd name="connsiteY298" fmla="*/ 4998966 h 6857998"/>
              <a:gd name="connsiteX299" fmla="*/ 183021 w 12192000"/>
              <a:gd name="connsiteY299" fmla="*/ 4998966 h 6857998"/>
              <a:gd name="connsiteX300" fmla="*/ 183021 w 12192000"/>
              <a:gd name="connsiteY300" fmla="*/ 3524503 h 6857998"/>
              <a:gd name="connsiteX301" fmla="*/ 1 w 12192000"/>
              <a:gd name="connsiteY301" fmla="*/ 3524503 h 6857998"/>
              <a:gd name="connsiteX302" fmla="*/ 1 w 12192000"/>
              <a:gd name="connsiteY302" fmla="*/ 3517303 h 6857998"/>
              <a:gd name="connsiteX303" fmla="*/ 183021 w 12192000"/>
              <a:gd name="connsiteY303" fmla="*/ 3517303 h 6857998"/>
              <a:gd name="connsiteX304" fmla="*/ 183021 w 12192000"/>
              <a:gd name="connsiteY304" fmla="*/ 3339315 h 6857998"/>
              <a:gd name="connsiteX305" fmla="*/ 1 w 12192000"/>
              <a:gd name="connsiteY305" fmla="*/ 3339315 h 6857998"/>
              <a:gd name="connsiteX306" fmla="*/ 1 w 12192000"/>
              <a:gd name="connsiteY306" fmla="*/ 3332115 h 6857998"/>
              <a:gd name="connsiteX307" fmla="*/ 183021 w 12192000"/>
              <a:gd name="connsiteY307" fmla="*/ 3332115 h 6857998"/>
              <a:gd name="connsiteX308" fmla="*/ 183021 w 12192000"/>
              <a:gd name="connsiteY308" fmla="*/ 1859240 h 6857998"/>
              <a:gd name="connsiteX309" fmla="*/ 1 w 12192000"/>
              <a:gd name="connsiteY309" fmla="*/ 1859240 h 6857998"/>
              <a:gd name="connsiteX310" fmla="*/ 1 w 12192000"/>
              <a:gd name="connsiteY310" fmla="*/ 1852040 h 6857998"/>
              <a:gd name="connsiteX311" fmla="*/ 183021 w 12192000"/>
              <a:gd name="connsiteY311" fmla="*/ 1852040 h 6857998"/>
              <a:gd name="connsiteX312" fmla="*/ 183021 w 12192000"/>
              <a:gd name="connsiteY312" fmla="*/ 1671302 h 6857998"/>
              <a:gd name="connsiteX313" fmla="*/ 1 w 12192000"/>
              <a:gd name="connsiteY313" fmla="*/ 1671302 h 6857998"/>
              <a:gd name="connsiteX314" fmla="*/ 1 w 12192000"/>
              <a:gd name="connsiteY314" fmla="*/ 1664102 h 6857998"/>
              <a:gd name="connsiteX315" fmla="*/ 183021 w 12192000"/>
              <a:gd name="connsiteY315" fmla="*/ 1664102 h 6857998"/>
              <a:gd name="connsiteX316" fmla="*/ 183021 w 12192000"/>
              <a:gd name="connsiteY316" fmla="*/ 190219 h 6857998"/>
              <a:gd name="connsiteX317" fmla="*/ 1 w 12192000"/>
              <a:gd name="connsiteY317" fmla="*/ 190219 h 6857998"/>
              <a:gd name="connsiteX318" fmla="*/ 1 w 12192000"/>
              <a:gd name="connsiteY318" fmla="*/ 183019 h 6857998"/>
              <a:gd name="connsiteX319" fmla="*/ 183021 w 12192000"/>
              <a:gd name="connsiteY319" fmla="*/ 183019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2000" h="6857998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2000" y="1664102"/>
                </a:lnTo>
                <a:lnTo>
                  <a:pt x="121920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2000" y="1852040"/>
                </a:lnTo>
                <a:lnTo>
                  <a:pt x="121920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2000" y="3332115"/>
                </a:lnTo>
                <a:lnTo>
                  <a:pt x="121920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2000" y="3517303"/>
                </a:lnTo>
                <a:lnTo>
                  <a:pt x="121920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2000" y="4998966"/>
                </a:lnTo>
                <a:lnTo>
                  <a:pt x="121920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2000" y="5185743"/>
                </a:lnTo>
                <a:lnTo>
                  <a:pt x="121920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2000" y="6668993"/>
                </a:lnTo>
                <a:lnTo>
                  <a:pt x="12192000" y="6676193"/>
                </a:lnTo>
                <a:lnTo>
                  <a:pt x="12008606" y="6676193"/>
                </a:lnTo>
                <a:lnTo>
                  <a:pt x="12008606" y="6857998"/>
                </a:lnTo>
                <a:lnTo>
                  <a:pt x="12001406" y="6857998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8"/>
                </a:lnTo>
                <a:lnTo>
                  <a:pt x="9186244" y="6857998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8"/>
                </a:lnTo>
                <a:lnTo>
                  <a:pt x="8999466" y="6857998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8"/>
                </a:lnTo>
                <a:lnTo>
                  <a:pt x="6184304" y="6857998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8"/>
                </a:lnTo>
                <a:lnTo>
                  <a:pt x="5999116" y="6857998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8"/>
                </a:lnTo>
                <a:lnTo>
                  <a:pt x="3183952" y="6857998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8"/>
                </a:lnTo>
                <a:lnTo>
                  <a:pt x="2997602" y="6857998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8"/>
                </a:lnTo>
                <a:lnTo>
                  <a:pt x="183021" y="6857998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00376" y="1666875"/>
            <a:ext cx="9004300" cy="1668463"/>
          </a:xfrm>
        </p:spPr>
        <p:txBody>
          <a:bodyPr lIns="162000" tIns="144000" bIns="0" anchor="t"/>
          <a:lstStyle>
            <a:lvl1pPr algn="l">
              <a:lnSpc>
                <a:spcPct val="86000"/>
              </a:lnSpc>
              <a:defRPr sz="63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case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FB2772C-AF9B-BD8D-22DF-FA5C83D3FC3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186113" y="3521075"/>
            <a:ext cx="8818562" cy="1668461"/>
          </a:xfrm>
        </p:spPr>
        <p:txBody>
          <a:bodyPr bIns="126000" anchor="b">
            <a:norm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AF135D2C-B193-5572-6AB3-1D385F4F4A01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185738" y="1854200"/>
            <a:ext cx="2316162" cy="1141987"/>
          </a:xfrm>
        </p:spPr>
        <p:txBody>
          <a:bodyPr tIns="0" bIns="2664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Click on image icon to add case logo</a:t>
            </a:r>
          </a:p>
        </p:txBody>
      </p:sp>
      <p:sp>
        <p:nvSpPr>
          <p:cNvPr id="49" name="Box - freeform">
            <a:extLst>
              <a:ext uri="{FF2B5EF4-FFF2-40B4-BE49-F238E27FC236}">
                <a16:creationId xmlns:a16="http://schemas.microsoft.com/office/drawing/2014/main" id="{E13C873E-830A-FF5E-480C-75F13506DF7B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3000375" y="1666874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Box - freeform">
            <a:extLst>
              <a:ext uri="{FF2B5EF4-FFF2-40B4-BE49-F238E27FC236}">
                <a16:creationId xmlns:a16="http://schemas.microsoft.com/office/drawing/2014/main" id="{F6740A49-54B9-F7A0-FF3F-FC7451721DE7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3000375" y="5002212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1" name="Box - freeform">
            <a:extLst>
              <a:ext uri="{FF2B5EF4-FFF2-40B4-BE49-F238E27FC236}">
                <a16:creationId xmlns:a16="http://schemas.microsoft.com/office/drawing/2014/main" id="{AF5686B3-4900-2E2A-7FEE-287D5E2D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2004675" y="1666875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2" name="Box - freeform">
            <a:extLst>
              <a:ext uri="{FF2B5EF4-FFF2-40B4-BE49-F238E27FC236}">
                <a16:creationId xmlns:a16="http://schemas.microsoft.com/office/drawing/2014/main" id="{1DA84705-83BF-97AC-4FD8-8F2510ECB958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12007056" y="5002213"/>
            <a:ext cx="187325" cy="187325"/>
          </a:xfrm>
          <a:custGeom>
            <a:avLst/>
            <a:gdLst>
              <a:gd name="connsiteX0" fmla="*/ 0 w 6331568"/>
              <a:gd name="connsiteY0" fmla="*/ 0 h 6331568"/>
              <a:gd name="connsiteX1" fmla="*/ 6331568 w 6331568"/>
              <a:gd name="connsiteY1" fmla="*/ 0 h 6331568"/>
              <a:gd name="connsiteX2" fmla="*/ 6331568 w 6331568"/>
              <a:gd name="connsiteY2" fmla="*/ 6331568 h 6331568"/>
              <a:gd name="connsiteX3" fmla="*/ 0 w 6331568"/>
              <a:gd name="connsiteY3" fmla="*/ 6331568 h 63315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331568" h="6331568">
                <a:moveTo>
                  <a:pt x="0" y="0"/>
                </a:moveTo>
                <a:lnTo>
                  <a:pt x="6331568" y="0"/>
                </a:lnTo>
                <a:lnTo>
                  <a:pt x="6331568" y="6331568"/>
                </a:lnTo>
                <a:lnTo>
                  <a:pt x="0" y="6331568"/>
                </a:lnTo>
                <a:close/>
              </a:path>
            </a:pathLst>
          </a:custGeom>
          <a:solidFill>
            <a:schemeClr val="accent5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Logo - freeform">
            <a:extLst>
              <a:ext uri="{FF2B5EF4-FFF2-40B4-BE49-F238E27FC236}">
                <a16:creationId xmlns:a16="http://schemas.microsoft.com/office/drawing/2014/main" id="{06C2DF0B-202F-8C0C-3F54-3CD4DFAF506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87324" y="6556701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19990C7-A6B6-3218-185C-2B3CB4E15DDB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1" name="Picture Placeholder 7">
            <a:extLst>
              <a:ext uri="{FF2B5EF4-FFF2-40B4-BE49-F238E27FC236}">
                <a16:creationId xmlns:a16="http://schemas.microsoft.com/office/drawing/2014/main" id="{58BAAEBB-CB87-C7F1-0E96-B48C28895A8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1116000" anchor="ctr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107000"/>
              </a:lnSpc>
              <a:spcBef>
                <a:spcPts val="0"/>
              </a:spcBef>
              <a:spcAft>
                <a:spcPts val="0"/>
              </a:spcAft>
              <a:buClr>
                <a:schemeClr val="accent5"/>
              </a:buClr>
              <a:buSzPct val="60000"/>
              <a:buFont typeface="Wingdings" panose="05000000000000000000" pitchFamily="2" charset="2"/>
              <a:buNone/>
              <a:tabLst/>
              <a:defRPr/>
            </a:pPr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8376174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04A3CA84-1BA5-C9F8-E2B7-D59689A69C85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21" name="Picture 20">
              <a:extLst>
                <a:ext uri="{FF2B5EF4-FFF2-40B4-BE49-F238E27FC236}">
                  <a16:creationId xmlns:a16="http://schemas.microsoft.com/office/drawing/2014/main" id="{901F7A90-8978-F336-7E62-572CEB197A0A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1020A59E-FCAF-A2FA-5B7B-6D5A4478F2B6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insert picture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6E5B129C-8A99-02EE-9661-90141E5EB890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/>
                <a:t>Click on icon and select image </a:t>
              </a:r>
            </a:p>
          </p:txBody>
        </p:sp>
        <p:pic>
          <p:nvPicPr>
            <p:cNvPr id="24" name="Picture 23">
              <a:extLst>
                <a:ext uri="{FF2B5EF4-FFF2-40B4-BE49-F238E27FC236}">
                  <a16:creationId xmlns:a16="http://schemas.microsoft.com/office/drawing/2014/main" id="{3C951252-A180-BF67-FE82-86DCEF652292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D3DA7137-6DEE-3502-8939-0C9614F2376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Once you have inserted image, right click on it and select option </a:t>
              </a:r>
              <a:br>
                <a:rPr lang="en-GB" sz="1200" b="0" dirty="0"/>
              </a:br>
              <a:r>
                <a:rPr lang="en-GB" sz="1200" b="1" dirty="0"/>
                <a:t>Send to Back</a:t>
              </a:r>
              <a:endParaRPr lang="en-GB" sz="1200" b="0" dirty="0"/>
            </a:p>
          </p:txBody>
        </p: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87732975-93F5-C381-37F4-1572BE9F80A2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change picture</a:t>
              </a:r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31925F6F-7EA7-8D66-D0A0-B5280596A3B1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Click on the frame of slide and select picture</a:t>
              </a:r>
              <a:br>
                <a:rPr lang="en-GB" sz="1200" b="0" dirty="0"/>
              </a:br>
              <a:br>
                <a:rPr lang="en-GB" sz="1200" b="0" dirty="0"/>
              </a:br>
              <a:r>
                <a:rPr lang="en-GB" sz="1200" b="0" dirty="0"/>
                <a:t>Once you have selected image right click on it and select option</a:t>
              </a:r>
              <a:br>
                <a:rPr lang="en-GB" sz="1200" b="0" dirty="0"/>
              </a:br>
              <a:r>
                <a:rPr lang="en-GB" sz="1200" b="1" dirty="0"/>
                <a:t>Change picture</a:t>
              </a:r>
              <a:endParaRPr lang="en-GB" sz="1200" b="0" dirty="0"/>
            </a:p>
          </p:txBody>
        </p:sp>
        <p:pic>
          <p:nvPicPr>
            <p:cNvPr id="28" name="Picture 27">
              <a:extLst>
                <a:ext uri="{FF2B5EF4-FFF2-40B4-BE49-F238E27FC236}">
                  <a16:creationId xmlns:a16="http://schemas.microsoft.com/office/drawing/2014/main" id="{EB857EE3-B34F-876C-9439-5030C59A955E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8" name="Grid - picture">
            <a:extLst>
              <a:ext uri="{FF2B5EF4-FFF2-40B4-BE49-F238E27FC236}">
                <a16:creationId xmlns:a16="http://schemas.microsoft.com/office/drawing/2014/main" id="{0E7FCCDA-1820-AC61-B837-6658D1BE0AD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0" y="0"/>
            <a:ext cx="4498974" cy="6858000"/>
          </a:xfrm>
          <a:custGeom>
            <a:avLst/>
            <a:gdLst>
              <a:gd name="connsiteX0" fmla="*/ 183018 w 4498974"/>
              <a:gd name="connsiteY0" fmla="*/ 0 h 6858000"/>
              <a:gd name="connsiteX1" fmla="*/ 190218 w 4498974"/>
              <a:gd name="connsiteY1" fmla="*/ 0 h 6858000"/>
              <a:gd name="connsiteX2" fmla="*/ 190218 w 4498974"/>
              <a:gd name="connsiteY2" fmla="*/ 183019 h 6858000"/>
              <a:gd name="connsiteX3" fmla="*/ 4498974 w 4498974"/>
              <a:gd name="connsiteY3" fmla="*/ 183019 h 6858000"/>
              <a:gd name="connsiteX4" fmla="*/ 4498974 w 4498974"/>
              <a:gd name="connsiteY4" fmla="*/ 190219 h 6858000"/>
              <a:gd name="connsiteX5" fmla="*/ 190218 w 4498974"/>
              <a:gd name="connsiteY5" fmla="*/ 190219 h 6858000"/>
              <a:gd name="connsiteX6" fmla="*/ 190218 w 4498974"/>
              <a:gd name="connsiteY6" fmla="*/ 6667781 h 6858000"/>
              <a:gd name="connsiteX7" fmla="*/ 4498974 w 4498974"/>
              <a:gd name="connsiteY7" fmla="*/ 6667781 h 6858000"/>
              <a:gd name="connsiteX8" fmla="*/ 4498974 w 4498974"/>
              <a:gd name="connsiteY8" fmla="*/ 6674981 h 6858000"/>
              <a:gd name="connsiteX9" fmla="*/ 190218 w 4498974"/>
              <a:gd name="connsiteY9" fmla="*/ 6674981 h 6858000"/>
              <a:gd name="connsiteX10" fmla="*/ 190218 w 4498974"/>
              <a:gd name="connsiteY10" fmla="*/ 6858000 h 6858000"/>
              <a:gd name="connsiteX11" fmla="*/ 183018 w 4498974"/>
              <a:gd name="connsiteY11" fmla="*/ 6858000 h 6858000"/>
              <a:gd name="connsiteX12" fmla="*/ 183018 w 4498974"/>
              <a:gd name="connsiteY12" fmla="*/ 6674981 h 6858000"/>
              <a:gd name="connsiteX13" fmla="*/ 0 w 4498974"/>
              <a:gd name="connsiteY13" fmla="*/ 6674981 h 6858000"/>
              <a:gd name="connsiteX14" fmla="*/ 0 w 4498974"/>
              <a:gd name="connsiteY14" fmla="*/ 6667781 h 6858000"/>
              <a:gd name="connsiteX15" fmla="*/ 183018 w 4498974"/>
              <a:gd name="connsiteY15" fmla="*/ 6667781 h 6858000"/>
              <a:gd name="connsiteX16" fmla="*/ 183018 w 4498974"/>
              <a:gd name="connsiteY16" fmla="*/ 190219 h 6858000"/>
              <a:gd name="connsiteX17" fmla="*/ 0 w 4498974"/>
              <a:gd name="connsiteY17" fmla="*/ 190219 h 6858000"/>
              <a:gd name="connsiteX18" fmla="*/ 0 w 4498974"/>
              <a:gd name="connsiteY18" fmla="*/ 183019 h 6858000"/>
              <a:gd name="connsiteX19" fmla="*/ 183018 w 4498974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4498974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4498974" y="183019"/>
                </a:lnTo>
                <a:lnTo>
                  <a:pt x="4498974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4498974" y="6667781"/>
                </a:lnTo>
                <a:lnTo>
                  <a:pt x="4498974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Logo">
            <a:extLst>
              <a:ext uri="{FF2B5EF4-FFF2-40B4-BE49-F238E27FC236}">
                <a16:creationId xmlns:a16="http://schemas.microsoft.com/office/drawing/2014/main" id="{A50615D6-0A3E-B10F-FB0D-DE6A1159C7EE}"/>
              </a:ext>
            </a:extLst>
          </p:cNvPr>
          <p:cNvSpPr/>
          <p:nvPr userDrawn="1"/>
        </p:nvSpPr>
        <p:spPr>
          <a:xfrm>
            <a:off x="4684712" y="6553953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99C18C5-C86E-FADA-D411-2FABFD8B6C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84712" y="185737"/>
            <a:ext cx="7319963" cy="94773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1422C190-2DCB-D260-7EEA-9F975E6DB595}"/>
              </a:ext>
            </a:extLst>
          </p:cNvPr>
          <p:cNvSpPr>
            <a:spLocks noGrp="1"/>
          </p:cNvSpPr>
          <p:nvPr>
            <p:ph type="subTitle" idx="19" hasCustomPrompt="1"/>
          </p:nvPr>
        </p:nvSpPr>
        <p:spPr>
          <a:xfrm>
            <a:off x="185738" y="4952999"/>
            <a:ext cx="3001962" cy="1717675"/>
          </a:xfrm>
        </p:spPr>
        <p:txBody>
          <a:bodyPr anchor="b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400" b="0">
                <a:solidFill>
                  <a:schemeClr val="bg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tabLst/>
              <a:defRPr sz="2400" b="0">
                <a:solidFill>
                  <a:schemeClr val="bg1"/>
                </a:solidFill>
              </a:defRPr>
            </a:lvl9pPr>
          </a:lstStyle>
          <a:p>
            <a:r>
              <a:rPr lang="en-US" dirty="0"/>
              <a:t>“Add statement about effects for business, society or customers”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86300" y="1440000"/>
            <a:ext cx="3564000" cy="44280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altLang="zh-HK" noProof="0" dirty="0"/>
              <a:t>Click to add text</a:t>
            </a:r>
            <a:endParaRPr lang="en-GB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439150" y="1440000"/>
            <a:ext cx="3565525" cy="44280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altLang="zh-HK" noProof="0" dirty="0"/>
              <a:t>Click to add text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8C8B7966-A6D0-CD9C-64D3-C52B2040FAC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0" y="0"/>
            <a:ext cx="4498975" cy="68580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210821285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0DA71C2-845C-4AD9-A7C4-08E016602B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C79408F-6183-C914-F0E6-2BEA16F53A1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with headline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s">
            <a:extLst>
              <a:ext uri="{FF2B5EF4-FFF2-40B4-BE49-F238E27FC236}">
                <a16:creationId xmlns:a16="http://schemas.microsoft.com/office/drawing/2014/main" id="{E179BD8B-964C-8002-AAA2-5F16F1D4802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Grid">
            <a:extLst>
              <a:ext uri="{FF2B5EF4-FFF2-40B4-BE49-F238E27FC236}">
                <a16:creationId xmlns:a16="http://schemas.microsoft.com/office/drawing/2014/main" id="{5D5D1909-6D24-84A8-3EAC-1882786202A9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D0D7D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F8BA0786-5A28-B7AD-9958-EC9EB91FA6C3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36AEDBD-8693-0BEE-4A4A-7F2D5DE5EE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1B56671B-9A9D-085B-1D6C-49777DBD7574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185738" y="1438274"/>
            <a:ext cx="11818937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019847-20E5-4B7E-B872-4144EE846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ysClr val="windowText" lastClr="000000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0022274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s">
            <a:extLst>
              <a:ext uri="{FF2B5EF4-FFF2-40B4-BE49-F238E27FC236}">
                <a16:creationId xmlns:a16="http://schemas.microsoft.com/office/drawing/2014/main" id="{3736B150-1203-331B-40BE-FF1D661BAB7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Grid">
            <a:extLst>
              <a:ext uri="{FF2B5EF4-FFF2-40B4-BE49-F238E27FC236}">
                <a16:creationId xmlns:a16="http://schemas.microsoft.com/office/drawing/2014/main" id="{266659E1-20C2-AFA5-20C1-CDFF6B0F8116}"/>
              </a:ext>
            </a:extLst>
          </p:cNvPr>
          <p:cNvSpPr/>
          <p:nvPr userDrawn="1"/>
        </p:nvSpPr>
        <p:spPr>
          <a:xfrm>
            <a:off x="-598" y="2381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>
              <a:solidFill>
                <a:srgbClr val="141E1E"/>
              </a:solidFill>
            </a:endParaRPr>
          </a:p>
        </p:txBody>
      </p:sp>
      <p:sp>
        <p:nvSpPr>
          <p:cNvPr id="8" name="Logo">
            <a:extLst>
              <a:ext uri="{FF2B5EF4-FFF2-40B4-BE49-F238E27FC236}">
                <a16:creationId xmlns:a16="http://schemas.microsoft.com/office/drawing/2014/main" id="{9877389C-CEA5-2411-D7FA-7A9562C1D022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accent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AAC2477E-E0CD-66B3-67D0-3D395A2C026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Grid">
            <a:extLst>
              <a:ext uri="{FF2B5EF4-FFF2-40B4-BE49-F238E27FC236}">
                <a16:creationId xmlns:a16="http://schemas.microsoft.com/office/drawing/2014/main" id="{9CDF1C58-E1F8-E935-1E42-00832DA8776B}"/>
              </a:ext>
            </a:extLst>
          </p:cNvPr>
          <p:cNvSpPr/>
          <p:nvPr userDrawn="1"/>
        </p:nvSpPr>
        <p:spPr>
          <a:xfrm>
            <a:off x="-598" y="2381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8ACB7881-CB6C-5120-BF17-2D436E554B59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>
              <a:solidFill>
                <a:schemeClr val="bg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9201596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435317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.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Grid - freeform">
            <a:extLst>
              <a:ext uri="{FF2B5EF4-FFF2-40B4-BE49-F238E27FC236}">
                <a16:creationId xmlns:a16="http://schemas.microsoft.com/office/drawing/2014/main" id="{648DDE02-0128-A751-ACA6-C734FB2BDA2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0" y="795"/>
            <a:ext cx="12192000" cy="6858000"/>
          </a:xfrm>
          <a:custGeom>
            <a:avLst/>
            <a:gdLst>
              <a:gd name="connsiteX0" fmla="*/ 189620 w 12192000"/>
              <a:gd name="connsiteY0" fmla="*/ 190219 h 6858000"/>
              <a:gd name="connsiteX1" fmla="*/ 189620 w 12192000"/>
              <a:gd name="connsiteY1" fmla="*/ 6667781 h 6858000"/>
              <a:gd name="connsiteX2" fmla="*/ 12001239 w 12192000"/>
              <a:gd name="connsiteY2" fmla="*/ 6667781 h 6858000"/>
              <a:gd name="connsiteX3" fmla="*/ 12001239 w 12192000"/>
              <a:gd name="connsiteY3" fmla="*/ 190219 h 6858000"/>
              <a:gd name="connsiteX4" fmla="*/ 182420 w 12192000"/>
              <a:gd name="connsiteY4" fmla="*/ 0 h 6858000"/>
              <a:gd name="connsiteX5" fmla="*/ 189620 w 12192000"/>
              <a:gd name="connsiteY5" fmla="*/ 0 h 6858000"/>
              <a:gd name="connsiteX6" fmla="*/ 189620 w 12192000"/>
              <a:gd name="connsiteY6" fmla="*/ 183019 h 6858000"/>
              <a:gd name="connsiteX7" fmla="*/ 12001239 w 12192000"/>
              <a:gd name="connsiteY7" fmla="*/ 183019 h 6858000"/>
              <a:gd name="connsiteX8" fmla="*/ 12001239 w 12192000"/>
              <a:gd name="connsiteY8" fmla="*/ 0 h 6858000"/>
              <a:gd name="connsiteX9" fmla="*/ 12008439 w 12192000"/>
              <a:gd name="connsiteY9" fmla="*/ 0 h 6858000"/>
              <a:gd name="connsiteX10" fmla="*/ 12008439 w 12192000"/>
              <a:gd name="connsiteY10" fmla="*/ 183019 h 6858000"/>
              <a:gd name="connsiteX11" fmla="*/ 12192000 w 12192000"/>
              <a:gd name="connsiteY11" fmla="*/ 183019 h 6858000"/>
              <a:gd name="connsiteX12" fmla="*/ 12192000 w 12192000"/>
              <a:gd name="connsiteY12" fmla="*/ 190219 h 6858000"/>
              <a:gd name="connsiteX13" fmla="*/ 12008439 w 12192000"/>
              <a:gd name="connsiteY13" fmla="*/ 190219 h 6858000"/>
              <a:gd name="connsiteX14" fmla="*/ 12008439 w 12192000"/>
              <a:gd name="connsiteY14" fmla="*/ 6667781 h 6858000"/>
              <a:gd name="connsiteX15" fmla="*/ 12192000 w 12192000"/>
              <a:gd name="connsiteY15" fmla="*/ 6667781 h 6858000"/>
              <a:gd name="connsiteX16" fmla="*/ 12192000 w 12192000"/>
              <a:gd name="connsiteY16" fmla="*/ 6674981 h 6858000"/>
              <a:gd name="connsiteX17" fmla="*/ 12008439 w 12192000"/>
              <a:gd name="connsiteY17" fmla="*/ 6674981 h 6858000"/>
              <a:gd name="connsiteX18" fmla="*/ 12008439 w 12192000"/>
              <a:gd name="connsiteY18" fmla="*/ 6858000 h 6858000"/>
              <a:gd name="connsiteX19" fmla="*/ 12001239 w 12192000"/>
              <a:gd name="connsiteY19" fmla="*/ 6858000 h 6858000"/>
              <a:gd name="connsiteX20" fmla="*/ 12001239 w 12192000"/>
              <a:gd name="connsiteY20" fmla="*/ 6674981 h 6858000"/>
              <a:gd name="connsiteX21" fmla="*/ 189620 w 12192000"/>
              <a:gd name="connsiteY21" fmla="*/ 6674981 h 6858000"/>
              <a:gd name="connsiteX22" fmla="*/ 189620 w 12192000"/>
              <a:gd name="connsiteY22" fmla="*/ 6858000 h 6858000"/>
              <a:gd name="connsiteX23" fmla="*/ 182420 w 12192000"/>
              <a:gd name="connsiteY23" fmla="*/ 6858000 h 6858000"/>
              <a:gd name="connsiteX24" fmla="*/ 182420 w 12192000"/>
              <a:gd name="connsiteY24" fmla="*/ 6674981 h 6858000"/>
              <a:gd name="connsiteX25" fmla="*/ 0 w 12192000"/>
              <a:gd name="connsiteY25" fmla="*/ 6674981 h 6858000"/>
              <a:gd name="connsiteX26" fmla="*/ 0 w 12192000"/>
              <a:gd name="connsiteY26" fmla="*/ 6667781 h 6858000"/>
              <a:gd name="connsiteX27" fmla="*/ 182420 w 12192000"/>
              <a:gd name="connsiteY27" fmla="*/ 6667781 h 6858000"/>
              <a:gd name="connsiteX28" fmla="*/ 182420 w 12192000"/>
              <a:gd name="connsiteY28" fmla="*/ 190219 h 6858000"/>
              <a:gd name="connsiteX29" fmla="*/ 0 w 12192000"/>
              <a:gd name="connsiteY29" fmla="*/ 190219 h 6858000"/>
              <a:gd name="connsiteX30" fmla="*/ 0 w 12192000"/>
              <a:gd name="connsiteY30" fmla="*/ 183019 h 6858000"/>
              <a:gd name="connsiteX31" fmla="*/ 182420 w 12192000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2000" h="6858000">
                <a:moveTo>
                  <a:pt x="189620" y="190219"/>
                </a:moveTo>
                <a:lnTo>
                  <a:pt x="189620" y="6667781"/>
                </a:lnTo>
                <a:lnTo>
                  <a:pt x="12001239" y="6667781"/>
                </a:lnTo>
                <a:lnTo>
                  <a:pt x="12001239" y="190219"/>
                </a:lnTo>
                <a:close/>
                <a:moveTo>
                  <a:pt x="182420" y="0"/>
                </a:moveTo>
                <a:lnTo>
                  <a:pt x="189620" y="0"/>
                </a:lnTo>
                <a:lnTo>
                  <a:pt x="189620" y="183019"/>
                </a:lnTo>
                <a:lnTo>
                  <a:pt x="12001239" y="183019"/>
                </a:lnTo>
                <a:lnTo>
                  <a:pt x="12001239" y="0"/>
                </a:lnTo>
                <a:lnTo>
                  <a:pt x="12008439" y="0"/>
                </a:lnTo>
                <a:lnTo>
                  <a:pt x="12008439" y="183019"/>
                </a:lnTo>
                <a:lnTo>
                  <a:pt x="12192000" y="183019"/>
                </a:lnTo>
                <a:lnTo>
                  <a:pt x="12192000" y="190219"/>
                </a:lnTo>
                <a:lnTo>
                  <a:pt x="12008439" y="190219"/>
                </a:lnTo>
                <a:lnTo>
                  <a:pt x="12008439" y="6667781"/>
                </a:lnTo>
                <a:lnTo>
                  <a:pt x="12192000" y="6667781"/>
                </a:lnTo>
                <a:lnTo>
                  <a:pt x="12192000" y="6674981"/>
                </a:lnTo>
                <a:lnTo>
                  <a:pt x="12008439" y="6674981"/>
                </a:lnTo>
                <a:lnTo>
                  <a:pt x="12008439" y="6858000"/>
                </a:lnTo>
                <a:lnTo>
                  <a:pt x="12001239" y="6858000"/>
                </a:lnTo>
                <a:lnTo>
                  <a:pt x="12001239" y="6674981"/>
                </a:lnTo>
                <a:lnTo>
                  <a:pt x="189620" y="6674981"/>
                </a:lnTo>
                <a:lnTo>
                  <a:pt x="189620" y="6858000"/>
                </a:lnTo>
                <a:lnTo>
                  <a:pt x="182420" y="6858000"/>
                </a:lnTo>
                <a:lnTo>
                  <a:pt x="182420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2420" y="6667781"/>
                </a:lnTo>
                <a:lnTo>
                  <a:pt x="182420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2420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9" name="Logo - freeform">
            <a:extLst>
              <a:ext uri="{FF2B5EF4-FFF2-40B4-BE49-F238E27FC236}">
                <a16:creationId xmlns:a16="http://schemas.microsoft.com/office/drawing/2014/main" id="{58073AFA-7EFF-0E30-CB85-EF3C4A969E3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90800" y="6555600"/>
            <a:ext cx="936626" cy="142550"/>
          </a:xfrm>
          <a:custGeom>
            <a:avLst/>
            <a:gdLst>
              <a:gd name="connsiteX0" fmla="*/ 11589172 w 14787902"/>
              <a:gd name="connsiteY0" fmla="*/ 1086010 h 2250653"/>
              <a:gd name="connsiteX1" fmla="*/ 11293040 w 14787902"/>
              <a:gd name="connsiteY1" fmla="*/ 1204426 h 2250653"/>
              <a:gd name="connsiteX2" fmla="*/ 10917900 w 14787902"/>
              <a:gd name="connsiteY2" fmla="*/ 1421553 h 2250653"/>
              <a:gd name="connsiteX3" fmla="*/ 11174624 w 14787902"/>
              <a:gd name="connsiteY3" fmla="*/ 1618975 h 2250653"/>
              <a:gd name="connsiteX4" fmla="*/ 11589172 w 14787902"/>
              <a:gd name="connsiteY4" fmla="*/ 1145124 h 2250653"/>
              <a:gd name="connsiteX5" fmla="*/ 2369254 w 14787902"/>
              <a:gd name="connsiteY5" fmla="*/ 552857 h 2250653"/>
              <a:gd name="connsiteX6" fmla="*/ 1954706 w 14787902"/>
              <a:gd name="connsiteY6" fmla="*/ 967408 h 2250653"/>
              <a:gd name="connsiteX7" fmla="*/ 2764099 w 14787902"/>
              <a:gd name="connsiteY7" fmla="*/ 967408 h 2250653"/>
              <a:gd name="connsiteX8" fmla="*/ 2369254 w 14787902"/>
              <a:gd name="connsiteY8" fmla="*/ 552857 h 2250653"/>
              <a:gd name="connsiteX9" fmla="*/ 6120654 w 14787902"/>
              <a:gd name="connsiteY9" fmla="*/ 552670 h 2250653"/>
              <a:gd name="connsiteX10" fmla="*/ 5686211 w 14787902"/>
              <a:gd name="connsiteY10" fmla="*/ 1085823 h 2250653"/>
              <a:gd name="connsiteX11" fmla="*/ 6120654 w 14787902"/>
              <a:gd name="connsiteY11" fmla="*/ 1618975 h 2250653"/>
              <a:gd name="connsiteX12" fmla="*/ 6535203 w 14787902"/>
              <a:gd name="connsiteY12" fmla="*/ 1085823 h 2250653"/>
              <a:gd name="connsiteX13" fmla="*/ 6120654 w 14787902"/>
              <a:gd name="connsiteY13" fmla="*/ 552670 h 2250653"/>
              <a:gd name="connsiteX14" fmla="*/ 9891567 w 14787902"/>
              <a:gd name="connsiteY14" fmla="*/ 532964 h 2250653"/>
              <a:gd name="connsiteX15" fmla="*/ 9457125 w 14787902"/>
              <a:gd name="connsiteY15" fmla="*/ 1085823 h 2250653"/>
              <a:gd name="connsiteX16" fmla="*/ 9891567 w 14787902"/>
              <a:gd name="connsiteY16" fmla="*/ 1618975 h 2250653"/>
              <a:gd name="connsiteX17" fmla="*/ 10286412 w 14787902"/>
              <a:gd name="connsiteY17" fmla="*/ 1066118 h 2250653"/>
              <a:gd name="connsiteX18" fmla="*/ 9891567 w 14787902"/>
              <a:gd name="connsiteY18" fmla="*/ 532964 h 2250653"/>
              <a:gd name="connsiteX19" fmla="*/ 13445542 w 14787902"/>
              <a:gd name="connsiteY19" fmla="*/ 375139 h 2250653"/>
              <a:gd name="connsiteX20" fmla="*/ 13721972 w 14787902"/>
              <a:gd name="connsiteY20" fmla="*/ 375139 h 2250653"/>
              <a:gd name="connsiteX21" fmla="*/ 14057702 w 14787902"/>
              <a:gd name="connsiteY21" fmla="*/ 1303137 h 2250653"/>
              <a:gd name="connsiteX22" fmla="*/ 14117004 w 14787902"/>
              <a:gd name="connsiteY22" fmla="*/ 1559861 h 2250653"/>
              <a:gd name="connsiteX23" fmla="*/ 14136708 w 14787902"/>
              <a:gd name="connsiteY23" fmla="*/ 1559861 h 2250653"/>
              <a:gd name="connsiteX24" fmla="*/ 14196010 w 14787902"/>
              <a:gd name="connsiteY24" fmla="*/ 1303137 h 2250653"/>
              <a:gd name="connsiteX25" fmla="*/ 14531740 w 14787902"/>
              <a:gd name="connsiteY25" fmla="*/ 375139 h 2250653"/>
              <a:gd name="connsiteX26" fmla="*/ 14787902 w 14787902"/>
              <a:gd name="connsiteY26" fmla="*/ 375139 h 2250653"/>
              <a:gd name="connsiteX27" fmla="*/ 14274641 w 14787902"/>
              <a:gd name="connsiteY27" fmla="*/ 1737392 h 2250653"/>
              <a:gd name="connsiteX28" fmla="*/ 13702079 w 14787902"/>
              <a:gd name="connsiteY28" fmla="*/ 2250653 h 2250653"/>
              <a:gd name="connsiteX29" fmla="*/ 13524361 w 14787902"/>
              <a:gd name="connsiteY29" fmla="*/ 2211243 h 2250653"/>
              <a:gd name="connsiteX30" fmla="*/ 13524361 w 14787902"/>
              <a:gd name="connsiteY30" fmla="*/ 2013820 h 2250653"/>
              <a:gd name="connsiteX31" fmla="*/ 13682374 w 14787902"/>
              <a:gd name="connsiteY31" fmla="*/ 2053231 h 2250653"/>
              <a:gd name="connsiteX32" fmla="*/ 14018104 w 14787902"/>
              <a:gd name="connsiteY32" fmla="*/ 1816398 h 2250653"/>
              <a:gd name="connsiteX33" fmla="*/ 12872981 w 14787902"/>
              <a:gd name="connsiteY33" fmla="*/ 355435 h 2250653"/>
              <a:gd name="connsiteX34" fmla="*/ 13346832 w 14787902"/>
              <a:gd name="connsiteY34" fmla="*/ 829286 h 2250653"/>
              <a:gd name="connsiteX35" fmla="*/ 13346645 w 14787902"/>
              <a:gd name="connsiteY35" fmla="*/ 829286 h 2250653"/>
              <a:gd name="connsiteX36" fmla="*/ 13346645 w 14787902"/>
              <a:gd name="connsiteY36" fmla="*/ 1776989 h 2250653"/>
              <a:gd name="connsiteX37" fmla="*/ 13109812 w 14787902"/>
              <a:gd name="connsiteY37" fmla="*/ 1776989 h 2250653"/>
              <a:gd name="connsiteX38" fmla="*/ 13109812 w 14787902"/>
              <a:gd name="connsiteY38" fmla="*/ 888587 h 2250653"/>
              <a:gd name="connsiteX39" fmla="*/ 12813678 w 14787902"/>
              <a:gd name="connsiteY39" fmla="*/ 552857 h 2250653"/>
              <a:gd name="connsiteX40" fmla="*/ 12418833 w 14787902"/>
              <a:gd name="connsiteY40" fmla="*/ 1066118 h 2250653"/>
              <a:gd name="connsiteX41" fmla="*/ 12418833 w 14787902"/>
              <a:gd name="connsiteY41" fmla="*/ 1776802 h 2250653"/>
              <a:gd name="connsiteX42" fmla="*/ 12182002 w 14787902"/>
              <a:gd name="connsiteY42" fmla="*/ 1776802 h 2250653"/>
              <a:gd name="connsiteX43" fmla="*/ 12182002 w 14787902"/>
              <a:gd name="connsiteY43" fmla="*/ 375139 h 2250653"/>
              <a:gd name="connsiteX44" fmla="*/ 12418833 w 14787902"/>
              <a:gd name="connsiteY44" fmla="*/ 375139 h 2250653"/>
              <a:gd name="connsiteX45" fmla="*/ 12418833 w 14787902"/>
              <a:gd name="connsiteY45" fmla="*/ 710871 h 2250653"/>
              <a:gd name="connsiteX46" fmla="*/ 12872981 w 14787902"/>
              <a:gd name="connsiteY46" fmla="*/ 355435 h 2250653"/>
              <a:gd name="connsiteX47" fmla="*/ 11293040 w 14787902"/>
              <a:gd name="connsiteY47" fmla="*/ 355435 h 2250653"/>
              <a:gd name="connsiteX48" fmla="*/ 11845896 w 14787902"/>
              <a:gd name="connsiteY48" fmla="*/ 829286 h 2250653"/>
              <a:gd name="connsiteX49" fmla="*/ 11845896 w 14787902"/>
              <a:gd name="connsiteY49" fmla="*/ 1461151 h 2250653"/>
              <a:gd name="connsiteX50" fmla="*/ 11944606 w 14787902"/>
              <a:gd name="connsiteY50" fmla="*/ 1619165 h 2250653"/>
              <a:gd name="connsiteX51" fmla="*/ 12063023 w 14787902"/>
              <a:gd name="connsiteY51" fmla="*/ 1599458 h 2250653"/>
              <a:gd name="connsiteX52" fmla="*/ 12063212 w 14787902"/>
              <a:gd name="connsiteY52" fmla="*/ 1599271 h 2250653"/>
              <a:gd name="connsiteX53" fmla="*/ 12063212 w 14787902"/>
              <a:gd name="connsiteY53" fmla="*/ 1776989 h 2250653"/>
              <a:gd name="connsiteX54" fmla="*/ 11885494 w 14787902"/>
              <a:gd name="connsiteY54" fmla="*/ 1796694 h 2250653"/>
              <a:gd name="connsiteX55" fmla="*/ 11609064 w 14787902"/>
              <a:gd name="connsiteY55" fmla="*/ 1520265 h 2250653"/>
              <a:gd name="connsiteX56" fmla="*/ 11609064 w 14787902"/>
              <a:gd name="connsiteY56" fmla="*/ 1460963 h 2250653"/>
              <a:gd name="connsiteX57" fmla="*/ 11589359 w 14787902"/>
              <a:gd name="connsiteY57" fmla="*/ 1460963 h 2250653"/>
              <a:gd name="connsiteX58" fmla="*/ 11115509 w 14787902"/>
              <a:gd name="connsiteY58" fmla="*/ 1816398 h 2250653"/>
              <a:gd name="connsiteX59" fmla="*/ 10681067 w 14787902"/>
              <a:gd name="connsiteY59" fmla="*/ 1441259 h 2250653"/>
              <a:gd name="connsiteX60" fmla="*/ 11253629 w 14787902"/>
              <a:gd name="connsiteY60" fmla="*/ 1026708 h 2250653"/>
              <a:gd name="connsiteX61" fmla="*/ 11589359 w 14787902"/>
              <a:gd name="connsiteY61" fmla="*/ 769984 h 2250653"/>
              <a:gd name="connsiteX62" fmla="*/ 11293227 w 14787902"/>
              <a:gd name="connsiteY62" fmla="*/ 533153 h 2250653"/>
              <a:gd name="connsiteX63" fmla="*/ 10957497 w 14787902"/>
              <a:gd name="connsiteY63" fmla="*/ 848992 h 2250653"/>
              <a:gd name="connsiteX64" fmla="*/ 10700773 w 14787902"/>
              <a:gd name="connsiteY64" fmla="*/ 848992 h 2250653"/>
              <a:gd name="connsiteX65" fmla="*/ 11293040 w 14787902"/>
              <a:gd name="connsiteY65" fmla="*/ 355435 h 2250653"/>
              <a:gd name="connsiteX66" fmla="*/ 9950869 w 14787902"/>
              <a:gd name="connsiteY66" fmla="*/ 355435 h 2250653"/>
              <a:gd name="connsiteX67" fmla="*/ 10543136 w 14787902"/>
              <a:gd name="connsiteY67" fmla="*/ 1066118 h 2250653"/>
              <a:gd name="connsiteX68" fmla="*/ 9950869 w 14787902"/>
              <a:gd name="connsiteY68" fmla="*/ 1816398 h 2250653"/>
              <a:gd name="connsiteX69" fmla="*/ 9477018 w 14787902"/>
              <a:gd name="connsiteY69" fmla="*/ 1460963 h 2250653"/>
              <a:gd name="connsiteX70" fmla="*/ 9457314 w 14787902"/>
              <a:gd name="connsiteY70" fmla="*/ 1460963 h 2250653"/>
              <a:gd name="connsiteX71" fmla="*/ 9457314 w 14787902"/>
              <a:gd name="connsiteY71" fmla="*/ 2250653 h 2250653"/>
              <a:gd name="connsiteX72" fmla="*/ 9220482 w 14787902"/>
              <a:gd name="connsiteY72" fmla="*/ 2250653 h 2250653"/>
              <a:gd name="connsiteX73" fmla="*/ 9220482 w 14787902"/>
              <a:gd name="connsiteY73" fmla="*/ 375139 h 2250653"/>
              <a:gd name="connsiteX74" fmla="*/ 9457314 w 14787902"/>
              <a:gd name="connsiteY74" fmla="*/ 375139 h 2250653"/>
              <a:gd name="connsiteX75" fmla="*/ 9457314 w 14787902"/>
              <a:gd name="connsiteY75" fmla="*/ 710871 h 2250653"/>
              <a:gd name="connsiteX76" fmla="*/ 9477018 w 14787902"/>
              <a:gd name="connsiteY76" fmla="*/ 710871 h 2250653"/>
              <a:gd name="connsiteX77" fmla="*/ 9950869 w 14787902"/>
              <a:gd name="connsiteY77" fmla="*/ 355435 h 2250653"/>
              <a:gd name="connsiteX78" fmla="*/ 7660247 w 14787902"/>
              <a:gd name="connsiteY78" fmla="*/ 355435 h 2250653"/>
              <a:gd name="connsiteX79" fmla="*/ 8094687 w 14787902"/>
              <a:gd name="connsiteY79" fmla="*/ 710871 h 2250653"/>
              <a:gd name="connsiteX80" fmla="*/ 8529128 w 14787902"/>
              <a:gd name="connsiteY80" fmla="*/ 355435 h 2250653"/>
              <a:gd name="connsiteX81" fmla="*/ 9002979 w 14787902"/>
              <a:gd name="connsiteY81" fmla="*/ 829286 h 2250653"/>
              <a:gd name="connsiteX82" fmla="*/ 9002979 w 14787902"/>
              <a:gd name="connsiteY82" fmla="*/ 1776989 h 2250653"/>
              <a:gd name="connsiteX83" fmla="*/ 8746255 w 14787902"/>
              <a:gd name="connsiteY83" fmla="*/ 1776989 h 2250653"/>
              <a:gd name="connsiteX84" fmla="*/ 8746255 w 14787902"/>
              <a:gd name="connsiteY84" fmla="*/ 848992 h 2250653"/>
              <a:gd name="connsiteX85" fmla="*/ 8469828 w 14787902"/>
              <a:gd name="connsiteY85" fmla="*/ 552857 h 2250653"/>
              <a:gd name="connsiteX86" fmla="*/ 8114393 w 14787902"/>
              <a:gd name="connsiteY86" fmla="*/ 1066118 h 2250653"/>
              <a:gd name="connsiteX87" fmla="*/ 8114393 w 14787902"/>
              <a:gd name="connsiteY87" fmla="*/ 1776802 h 2250653"/>
              <a:gd name="connsiteX88" fmla="*/ 7857667 w 14787902"/>
              <a:gd name="connsiteY88" fmla="*/ 1776802 h 2250653"/>
              <a:gd name="connsiteX89" fmla="*/ 7857667 w 14787902"/>
              <a:gd name="connsiteY89" fmla="*/ 848803 h 2250653"/>
              <a:gd name="connsiteX90" fmla="*/ 7581239 w 14787902"/>
              <a:gd name="connsiteY90" fmla="*/ 552670 h 2250653"/>
              <a:gd name="connsiteX91" fmla="*/ 7206099 w 14787902"/>
              <a:gd name="connsiteY91" fmla="*/ 1065931 h 2250653"/>
              <a:gd name="connsiteX92" fmla="*/ 7206099 w 14787902"/>
              <a:gd name="connsiteY92" fmla="*/ 1776613 h 2250653"/>
              <a:gd name="connsiteX93" fmla="*/ 6969268 w 14787902"/>
              <a:gd name="connsiteY93" fmla="*/ 1776613 h 2250653"/>
              <a:gd name="connsiteX94" fmla="*/ 6969268 w 14787902"/>
              <a:gd name="connsiteY94" fmla="*/ 375139 h 2250653"/>
              <a:gd name="connsiteX95" fmla="*/ 7206099 w 14787902"/>
              <a:gd name="connsiteY95" fmla="*/ 375139 h 2250653"/>
              <a:gd name="connsiteX96" fmla="*/ 7206099 w 14787902"/>
              <a:gd name="connsiteY96" fmla="*/ 710871 h 2250653"/>
              <a:gd name="connsiteX97" fmla="*/ 7660247 w 14787902"/>
              <a:gd name="connsiteY97" fmla="*/ 355435 h 2250653"/>
              <a:gd name="connsiteX98" fmla="*/ 6120466 w 14787902"/>
              <a:gd name="connsiteY98" fmla="*/ 355248 h 2250653"/>
              <a:gd name="connsiteX99" fmla="*/ 6791739 w 14787902"/>
              <a:gd name="connsiteY99" fmla="*/ 1085823 h 2250653"/>
              <a:gd name="connsiteX100" fmla="*/ 6120466 w 14787902"/>
              <a:gd name="connsiteY100" fmla="*/ 1816400 h 2250653"/>
              <a:gd name="connsiteX101" fmla="*/ 5429487 w 14787902"/>
              <a:gd name="connsiteY101" fmla="*/ 1085823 h 2250653"/>
              <a:gd name="connsiteX102" fmla="*/ 6120466 w 14787902"/>
              <a:gd name="connsiteY102" fmla="*/ 355248 h 2250653"/>
              <a:gd name="connsiteX103" fmla="*/ 4639609 w 14787902"/>
              <a:gd name="connsiteY103" fmla="*/ 355248 h 2250653"/>
              <a:gd name="connsiteX104" fmla="*/ 5271473 w 14787902"/>
              <a:gd name="connsiteY104" fmla="*/ 908106 h 2250653"/>
              <a:gd name="connsiteX105" fmla="*/ 5014749 w 14787902"/>
              <a:gd name="connsiteY105" fmla="*/ 908106 h 2250653"/>
              <a:gd name="connsiteX106" fmla="*/ 4639609 w 14787902"/>
              <a:gd name="connsiteY106" fmla="*/ 552670 h 2250653"/>
              <a:gd name="connsiteX107" fmla="*/ 4205167 w 14787902"/>
              <a:gd name="connsiteY107" fmla="*/ 1085823 h 2250653"/>
              <a:gd name="connsiteX108" fmla="*/ 4639609 w 14787902"/>
              <a:gd name="connsiteY108" fmla="*/ 1618975 h 2250653"/>
              <a:gd name="connsiteX109" fmla="*/ 5034454 w 14787902"/>
              <a:gd name="connsiteY109" fmla="*/ 1243837 h 2250653"/>
              <a:gd name="connsiteX110" fmla="*/ 5271284 w 14787902"/>
              <a:gd name="connsiteY110" fmla="*/ 1243837 h 2250653"/>
              <a:gd name="connsiteX111" fmla="*/ 4639422 w 14787902"/>
              <a:gd name="connsiteY111" fmla="*/ 1816400 h 2250653"/>
              <a:gd name="connsiteX112" fmla="*/ 3948443 w 14787902"/>
              <a:gd name="connsiteY112" fmla="*/ 1085823 h 2250653"/>
              <a:gd name="connsiteX113" fmla="*/ 3948630 w 14787902"/>
              <a:gd name="connsiteY113" fmla="*/ 1085823 h 2250653"/>
              <a:gd name="connsiteX114" fmla="*/ 4639609 w 14787902"/>
              <a:gd name="connsiteY114" fmla="*/ 355248 h 2250653"/>
              <a:gd name="connsiteX115" fmla="*/ 2369629 w 14787902"/>
              <a:gd name="connsiteY115" fmla="*/ 355248 h 2250653"/>
              <a:gd name="connsiteX116" fmla="*/ 3021197 w 14787902"/>
              <a:gd name="connsiteY116" fmla="*/ 1105529 h 2250653"/>
              <a:gd name="connsiteX117" fmla="*/ 3021197 w 14787902"/>
              <a:gd name="connsiteY117" fmla="*/ 1144937 h 2250653"/>
              <a:gd name="connsiteX118" fmla="*/ 3020823 w 14787902"/>
              <a:gd name="connsiteY118" fmla="*/ 1145124 h 2250653"/>
              <a:gd name="connsiteX119" fmla="*/ 1954706 w 14787902"/>
              <a:gd name="connsiteY119" fmla="*/ 1145124 h 2250653"/>
              <a:gd name="connsiteX120" fmla="*/ 2389146 w 14787902"/>
              <a:gd name="connsiteY120" fmla="*/ 1618975 h 2250653"/>
              <a:gd name="connsiteX121" fmla="*/ 2744582 w 14787902"/>
              <a:gd name="connsiteY121" fmla="*/ 1362251 h 2250653"/>
              <a:gd name="connsiteX122" fmla="*/ 3001306 w 14787902"/>
              <a:gd name="connsiteY122" fmla="*/ 1362251 h 2250653"/>
              <a:gd name="connsiteX123" fmla="*/ 2389335 w 14787902"/>
              <a:gd name="connsiteY123" fmla="*/ 1816400 h 2250653"/>
              <a:gd name="connsiteX124" fmla="*/ 1698356 w 14787902"/>
              <a:gd name="connsiteY124" fmla="*/ 1085823 h 2250653"/>
              <a:gd name="connsiteX125" fmla="*/ 2369629 w 14787902"/>
              <a:gd name="connsiteY125" fmla="*/ 355248 h 2250653"/>
              <a:gd name="connsiteX126" fmla="*/ 3297064 w 14787902"/>
              <a:gd name="connsiteY126" fmla="*/ 0 h 2250653"/>
              <a:gd name="connsiteX127" fmla="*/ 3553788 w 14787902"/>
              <a:gd name="connsiteY127" fmla="*/ 0 h 2250653"/>
              <a:gd name="connsiteX128" fmla="*/ 3553788 w 14787902"/>
              <a:gd name="connsiteY128" fmla="*/ 375141 h 2250653"/>
              <a:gd name="connsiteX129" fmla="*/ 3849920 w 14787902"/>
              <a:gd name="connsiteY129" fmla="*/ 375141 h 2250653"/>
              <a:gd name="connsiteX130" fmla="*/ 3849920 w 14787902"/>
              <a:gd name="connsiteY130" fmla="*/ 572563 h 2250653"/>
              <a:gd name="connsiteX131" fmla="*/ 3553788 w 14787902"/>
              <a:gd name="connsiteY131" fmla="*/ 572563 h 2250653"/>
              <a:gd name="connsiteX132" fmla="*/ 3553788 w 14787902"/>
              <a:gd name="connsiteY132" fmla="*/ 1401851 h 2250653"/>
              <a:gd name="connsiteX133" fmla="*/ 3711800 w 14787902"/>
              <a:gd name="connsiteY133" fmla="*/ 1618977 h 2250653"/>
              <a:gd name="connsiteX134" fmla="*/ 3849920 w 14787902"/>
              <a:gd name="connsiteY134" fmla="*/ 1579567 h 2250653"/>
              <a:gd name="connsiteX135" fmla="*/ 3849920 w 14787902"/>
              <a:gd name="connsiteY135" fmla="*/ 1776989 h 2250653"/>
              <a:gd name="connsiteX136" fmla="*/ 3691908 w 14787902"/>
              <a:gd name="connsiteY136" fmla="*/ 1816400 h 2250653"/>
              <a:gd name="connsiteX137" fmla="*/ 3297064 w 14787902"/>
              <a:gd name="connsiteY137" fmla="*/ 1421555 h 2250653"/>
              <a:gd name="connsiteX138" fmla="*/ 3297064 w 14787902"/>
              <a:gd name="connsiteY138" fmla="*/ 572563 h 2250653"/>
              <a:gd name="connsiteX139" fmla="*/ 3099642 w 14787902"/>
              <a:gd name="connsiteY139" fmla="*/ 572563 h 2250653"/>
              <a:gd name="connsiteX140" fmla="*/ 3099642 w 14787902"/>
              <a:gd name="connsiteY140" fmla="*/ 375141 h 2250653"/>
              <a:gd name="connsiteX141" fmla="*/ 3297064 w 14787902"/>
              <a:gd name="connsiteY141" fmla="*/ 375141 h 2250653"/>
              <a:gd name="connsiteX142" fmla="*/ 0 w 14787902"/>
              <a:gd name="connsiteY142" fmla="*/ 0 h 2250653"/>
              <a:gd name="connsiteX143" fmla="*/ 315839 w 14787902"/>
              <a:gd name="connsiteY143" fmla="*/ 0 h 2250653"/>
              <a:gd name="connsiteX144" fmla="*/ 1105528 w 14787902"/>
              <a:gd name="connsiteY144" fmla="*/ 1224132 h 2250653"/>
              <a:gd name="connsiteX145" fmla="*/ 1263540 w 14787902"/>
              <a:gd name="connsiteY145" fmla="*/ 1500561 h 2250653"/>
              <a:gd name="connsiteX146" fmla="*/ 1263540 w 14787902"/>
              <a:gd name="connsiteY146" fmla="*/ 0 h 2250653"/>
              <a:gd name="connsiteX147" fmla="*/ 1500372 w 14787902"/>
              <a:gd name="connsiteY147" fmla="*/ 0 h 2250653"/>
              <a:gd name="connsiteX148" fmla="*/ 1500372 w 14787902"/>
              <a:gd name="connsiteY148" fmla="*/ 1776989 h 2250653"/>
              <a:gd name="connsiteX149" fmla="*/ 1184534 w 14787902"/>
              <a:gd name="connsiteY149" fmla="*/ 1776989 h 2250653"/>
              <a:gd name="connsiteX150" fmla="*/ 394845 w 14787902"/>
              <a:gd name="connsiteY150" fmla="*/ 572563 h 2250653"/>
              <a:gd name="connsiteX151" fmla="*/ 256724 w 14787902"/>
              <a:gd name="connsiteY151" fmla="*/ 296135 h 2250653"/>
              <a:gd name="connsiteX152" fmla="*/ 237022 w 14787902"/>
              <a:gd name="connsiteY152" fmla="*/ 296135 h 2250653"/>
              <a:gd name="connsiteX153" fmla="*/ 256724 w 14787902"/>
              <a:gd name="connsiteY153" fmla="*/ 611972 h 2250653"/>
              <a:gd name="connsiteX154" fmla="*/ 256724 w 14787902"/>
              <a:gd name="connsiteY154" fmla="*/ 1776802 h 2250653"/>
              <a:gd name="connsiteX155" fmla="*/ 0 w 14787902"/>
              <a:gd name="connsiteY155" fmla="*/ 1776802 h 22506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4787902" h="2250653">
                <a:moveTo>
                  <a:pt x="11589172" y="1086010"/>
                </a:moveTo>
                <a:cubicBezTo>
                  <a:pt x="11510166" y="1145312"/>
                  <a:pt x="11391750" y="1184722"/>
                  <a:pt x="11293040" y="1204426"/>
                </a:cubicBezTo>
                <a:cubicBezTo>
                  <a:pt x="11115322" y="1243835"/>
                  <a:pt x="10917900" y="1263728"/>
                  <a:pt x="10917900" y="1421553"/>
                </a:cubicBezTo>
                <a:cubicBezTo>
                  <a:pt x="10917900" y="1559674"/>
                  <a:pt x="11036316" y="1618975"/>
                  <a:pt x="11174624" y="1618975"/>
                </a:cubicBezTo>
                <a:cubicBezTo>
                  <a:pt x="11451052" y="1618975"/>
                  <a:pt x="11589172" y="1421553"/>
                  <a:pt x="11589172" y="1145124"/>
                </a:cubicBezTo>
                <a:close/>
                <a:moveTo>
                  <a:pt x="2369254" y="552857"/>
                </a:moveTo>
                <a:cubicBezTo>
                  <a:pt x="2152128" y="552857"/>
                  <a:pt x="1994114" y="690978"/>
                  <a:pt x="1954706" y="967408"/>
                </a:cubicBezTo>
                <a:lnTo>
                  <a:pt x="2764099" y="967408"/>
                </a:lnTo>
                <a:cubicBezTo>
                  <a:pt x="2744397" y="690978"/>
                  <a:pt x="2586381" y="552857"/>
                  <a:pt x="2369254" y="552857"/>
                </a:cubicBezTo>
                <a:close/>
                <a:moveTo>
                  <a:pt x="6120654" y="552670"/>
                </a:moveTo>
                <a:cubicBezTo>
                  <a:pt x="5844225" y="552670"/>
                  <a:pt x="5686211" y="750092"/>
                  <a:pt x="5686211" y="1085823"/>
                </a:cubicBezTo>
                <a:cubicBezTo>
                  <a:pt x="5686211" y="1401662"/>
                  <a:pt x="5844225" y="1618975"/>
                  <a:pt x="6120654" y="1618975"/>
                </a:cubicBezTo>
                <a:cubicBezTo>
                  <a:pt x="6377377" y="1618975"/>
                  <a:pt x="6535203" y="1401849"/>
                  <a:pt x="6535203" y="1085823"/>
                </a:cubicBezTo>
                <a:cubicBezTo>
                  <a:pt x="6535203" y="750092"/>
                  <a:pt x="6377191" y="552670"/>
                  <a:pt x="6120654" y="552670"/>
                </a:cubicBezTo>
                <a:close/>
                <a:moveTo>
                  <a:pt x="9891567" y="532964"/>
                </a:moveTo>
                <a:cubicBezTo>
                  <a:pt x="9634843" y="532964"/>
                  <a:pt x="9457125" y="789690"/>
                  <a:pt x="9457125" y="1085823"/>
                </a:cubicBezTo>
                <a:cubicBezTo>
                  <a:pt x="9457125" y="1381957"/>
                  <a:pt x="9634843" y="1618975"/>
                  <a:pt x="9891567" y="1618975"/>
                </a:cubicBezTo>
                <a:cubicBezTo>
                  <a:pt x="10128400" y="1618975"/>
                  <a:pt x="10286412" y="1401849"/>
                  <a:pt x="10286412" y="1066118"/>
                </a:cubicBezTo>
                <a:cubicBezTo>
                  <a:pt x="10286412" y="750280"/>
                  <a:pt x="10128400" y="532964"/>
                  <a:pt x="9891567" y="532964"/>
                </a:cubicBezTo>
                <a:close/>
                <a:moveTo>
                  <a:pt x="13445542" y="375139"/>
                </a:moveTo>
                <a:lnTo>
                  <a:pt x="13721972" y="375139"/>
                </a:lnTo>
                <a:lnTo>
                  <a:pt x="14057702" y="1303137"/>
                </a:lnTo>
                <a:cubicBezTo>
                  <a:pt x="14077406" y="1382145"/>
                  <a:pt x="14097110" y="1461151"/>
                  <a:pt x="14117004" y="1559861"/>
                </a:cubicBezTo>
                <a:lnTo>
                  <a:pt x="14136708" y="1559861"/>
                </a:lnTo>
                <a:cubicBezTo>
                  <a:pt x="14156412" y="1461151"/>
                  <a:pt x="14176118" y="1382145"/>
                  <a:pt x="14196010" y="1303137"/>
                </a:cubicBezTo>
                <a:lnTo>
                  <a:pt x="14531740" y="375139"/>
                </a:lnTo>
                <a:lnTo>
                  <a:pt x="14787902" y="375139"/>
                </a:lnTo>
                <a:lnTo>
                  <a:pt x="14274641" y="1737392"/>
                </a:lnTo>
                <a:cubicBezTo>
                  <a:pt x="14195635" y="1934814"/>
                  <a:pt x="14017917" y="2250653"/>
                  <a:pt x="13702079" y="2250653"/>
                </a:cubicBezTo>
                <a:cubicBezTo>
                  <a:pt x="13603369" y="2250653"/>
                  <a:pt x="13544065" y="2230947"/>
                  <a:pt x="13524361" y="2211243"/>
                </a:cubicBezTo>
                <a:lnTo>
                  <a:pt x="13524361" y="2013820"/>
                </a:lnTo>
                <a:cubicBezTo>
                  <a:pt x="13563771" y="2033525"/>
                  <a:pt x="13623073" y="2053231"/>
                  <a:pt x="13682374" y="2053231"/>
                </a:cubicBezTo>
                <a:cubicBezTo>
                  <a:pt x="13860093" y="2053231"/>
                  <a:pt x="13958803" y="1934814"/>
                  <a:pt x="14018104" y="1816398"/>
                </a:cubicBezTo>
                <a:close/>
                <a:moveTo>
                  <a:pt x="12872981" y="355435"/>
                </a:moveTo>
                <a:cubicBezTo>
                  <a:pt x="13149409" y="355435"/>
                  <a:pt x="13346832" y="552857"/>
                  <a:pt x="13346832" y="829286"/>
                </a:cubicBezTo>
                <a:lnTo>
                  <a:pt x="13346645" y="829286"/>
                </a:lnTo>
                <a:lnTo>
                  <a:pt x="13346645" y="1776989"/>
                </a:lnTo>
                <a:lnTo>
                  <a:pt x="13109812" y="1776989"/>
                </a:lnTo>
                <a:lnTo>
                  <a:pt x="13109812" y="888587"/>
                </a:lnTo>
                <a:cubicBezTo>
                  <a:pt x="13109812" y="671461"/>
                  <a:pt x="12991396" y="552857"/>
                  <a:pt x="12813678" y="552857"/>
                </a:cubicBezTo>
                <a:cubicBezTo>
                  <a:pt x="12576847" y="552857"/>
                  <a:pt x="12418833" y="730575"/>
                  <a:pt x="12418833" y="1066118"/>
                </a:cubicBezTo>
                <a:lnTo>
                  <a:pt x="12418833" y="1776802"/>
                </a:lnTo>
                <a:lnTo>
                  <a:pt x="12182002" y="1776802"/>
                </a:lnTo>
                <a:lnTo>
                  <a:pt x="12182002" y="375139"/>
                </a:lnTo>
                <a:lnTo>
                  <a:pt x="12418833" y="375139"/>
                </a:lnTo>
                <a:lnTo>
                  <a:pt x="12418833" y="710871"/>
                </a:lnTo>
                <a:cubicBezTo>
                  <a:pt x="12458243" y="474038"/>
                  <a:pt x="12655666" y="355435"/>
                  <a:pt x="12872981" y="355435"/>
                </a:cubicBezTo>
                <a:close/>
                <a:moveTo>
                  <a:pt x="11293040" y="355435"/>
                </a:moveTo>
                <a:cubicBezTo>
                  <a:pt x="11648474" y="355435"/>
                  <a:pt x="11845896" y="513449"/>
                  <a:pt x="11845896" y="829286"/>
                </a:cubicBezTo>
                <a:lnTo>
                  <a:pt x="11845896" y="1461151"/>
                </a:lnTo>
                <a:cubicBezTo>
                  <a:pt x="11845896" y="1599271"/>
                  <a:pt x="11905198" y="1619165"/>
                  <a:pt x="11944606" y="1619165"/>
                </a:cubicBezTo>
                <a:cubicBezTo>
                  <a:pt x="11984017" y="1619165"/>
                  <a:pt x="12023614" y="1599458"/>
                  <a:pt x="12063023" y="1599458"/>
                </a:cubicBezTo>
                <a:lnTo>
                  <a:pt x="12063212" y="1599271"/>
                </a:lnTo>
                <a:lnTo>
                  <a:pt x="12063212" y="1776989"/>
                </a:lnTo>
                <a:cubicBezTo>
                  <a:pt x="12003910" y="1796694"/>
                  <a:pt x="11944795" y="1796694"/>
                  <a:pt x="11885494" y="1796694"/>
                </a:cubicBezTo>
                <a:cubicBezTo>
                  <a:pt x="11688072" y="1796694"/>
                  <a:pt x="11609064" y="1678277"/>
                  <a:pt x="11609064" y="1520265"/>
                </a:cubicBezTo>
                <a:lnTo>
                  <a:pt x="11609064" y="1460963"/>
                </a:lnTo>
                <a:lnTo>
                  <a:pt x="11589359" y="1460963"/>
                </a:lnTo>
                <a:cubicBezTo>
                  <a:pt x="11530060" y="1678090"/>
                  <a:pt x="11352529" y="1816398"/>
                  <a:pt x="11115509" y="1816398"/>
                </a:cubicBezTo>
                <a:cubicBezTo>
                  <a:pt x="10878489" y="1816398"/>
                  <a:pt x="10681067" y="1697983"/>
                  <a:pt x="10681067" y="1441259"/>
                </a:cubicBezTo>
                <a:cubicBezTo>
                  <a:pt x="10681067" y="1105527"/>
                  <a:pt x="10977201" y="1066118"/>
                  <a:pt x="11253629" y="1026708"/>
                </a:cubicBezTo>
                <a:cubicBezTo>
                  <a:pt x="11470756" y="987300"/>
                  <a:pt x="11589359" y="947702"/>
                  <a:pt x="11589359" y="769984"/>
                </a:cubicBezTo>
                <a:cubicBezTo>
                  <a:pt x="11589359" y="651569"/>
                  <a:pt x="11510353" y="533153"/>
                  <a:pt x="11293227" y="533153"/>
                </a:cubicBezTo>
                <a:cubicBezTo>
                  <a:pt x="11076101" y="533153"/>
                  <a:pt x="10957497" y="631863"/>
                  <a:pt x="10957497" y="848992"/>
                </a:cubicBezTo>
                <a:lnTo>
                  <a:pt x="10700773" y="848992"/>
                </a:lnTo>
                <a:cubicBezTo>
                  <a:pt x="10720477" y="533153"/>
                  <a:pt x="10917900" y="355435"/>
                  <a:pt x="11293040" y="355435"/>
                </a:cubicBezTo>
                <a:close/>
                <a:moveTo>
                  <a:pt x="9950869" y="355435"/>
                </a:moveTo>
                <a:cubicBezTo>
                  <a:pt x="10306305" y="355435"/>
                  <a:pt x="10543136" y="651569"/>
                  <a:pt x="10543136" y="1066118"/>
                </a:cubicBezTo>
                <a:cubicBezTo>
                  <a:pt x="10543136" y="1500561"/>
                  <a:pt x="10286412" y="1816398"/>
                  <a:pt x="9950869" y="1816398"/>
                </a:cubicBezTo>
                <a:cubicBezTo>
                  <a:pt x="9733742" y="1816398"/>
                  <a:pt x="9536320" y="1697983"/>
                  <a:pt x="9477018" y="1460963"/>
                </a:cubicBezTo>
                <a:lnTo>
                  <a:pt x="9457314" y="1460963"/>
                </a:lnTo>
                <a:lnTo>
                  <a:pt x="9457314" y="2250653"/>
                </a:lnTo>
                <a:lnTo>
                  <a:pt x="9220482" y="2250653"/>
                </a:lnTo>
                <a:lnTo>
                  <a:pt x="9220482" y="375139"/>
                </a:lnTo>
                <a:lnTo>
                  <a:pt x="9457314" y="375139"/>
                </a:lnTo>
                <a:lnTo>
                  <a:pt x="9457314" y="710871"/>
                </a:lnTo>
                <a:lnTo>
                  <a:pt x="9477018" y="710871"/>
                </a:lnTo>
                <a:cubicBezTo>
                  <a:pt x="9536320" y="474038"/>
                  <a:pt x="9733742" y="355435"/>
                  <a:pt x="9950869" y="355435"/>
                </a:cubicBezTo>
                <a:close/>
                <a:moveTo>
                  <a:pt x="7660247" y="355435"/>
                </a:moveTo>
                <a:cubicBezTo>
                  <a:pt x="7857667" y="355435"/>
                  <a:pt x="8035385" y="473851"/>
                  <a:pt x="8094687" y="710871"/>
                </a:cubicBezTo>
                <a:cubicBezTo>
                  <a:pt x="8153988" y="454147"/>
                  <a:pt x="8351411" y="355435"/>
                  <a:pt x="8529128" y="355435"/>
                </a:cubicBezTo>
                <a:cubicBezTo>
                  <a:pt x="8785852" y="355435"/>
                  <a:pt x="9002979" y="533153"/>
                  <a:pt x="9002979" y="829286"/>
                </a:cubicBezTo>
                <a:lnTo>
                  <a:pt x="9002979" y="1776989"/>
                </a:lnTo>
                <a:lnTo>
                  <a:pt x="8746255" y="1776989"/>
                </a:lnTo>
                <a:lnTo>
                  <a:pt x="8746255" y="848992"/>
                </a:lnTo>
                <a:cubicBezTo>
                  <a:pt x="8746255" y="671274"/>
                  <a:pt x="8627841" y="552857"/>
                  <a:pt x="8469828" y="552857"/>
                </a:cubicBezTo>
                <a:cubicBezTo>
                  <a:pt x="8252701" y="552857"/>
                  <a:pt x="8114393" y="730575"/>
                  <a:pt x="8114393" y="1066118"/>
                </a:cubicBezTo>
                <a:lnTo>
                  <a:pt x="8114393" y="1776802"/>
                </a:lnTo>
                <a:lnTo>
                  <a:pt x="7857667" y="1776802"/>
                </a:lnTo>
                <a:lnTo>
                  <a:pt x="7857667" y="848803"/>
                </a:lnTo>
                <a:cubicBezTo>
                  <a:pt x="7857667" y="671084"/>
                  <a:pt x="7739253" y="552670"/>
                  <a:pt x="7581239" y="552670"/>
                </a:cubicBezTo>
                <a:cubicBezTo>
                  <a:pt x="7364113" y="552670"/>
                  <a:pt x="7206099" y="769797"/>
                  <a:pt x="7206099" y="1065931"/>
                </a:cubicBezTo>
                <a:lnTo>
                  <a:pt x="7206099" y="1776613"/>
                </a:lnTo>
                <a:lnTo>
                  <a:pt x="6969268" y="1776613"/>
                </a:lnTo>
                <a:lnTo>
                  <a:pt x="6969268" y="375139"/>
                </a:lnTo>
                <a:lnTo>
                  <a:pt x="7206099" y="375139"/>
                </a:lnTo>
                <a:lnTo>
                  <a:pt x="7206099" y="710871"/>
                </a:lnTo>
                <a:cubicBezTo>
                  <a:pt x="7265401" y="474038"/>
                  <a:pt x="7442931" y="355435"/>
                  <a:pt x="7660247" y="355435"/>
                </a:cubicBezTo>
                <a:close/>
                <a:moveTo>
                  <a:pt x="6120466" y="355248"/>
                </a:moveTo>
                <a:cubicBezTo>
                  <a:pt x="6554719" y="355248"/>
                  <a:pt x="6791739" y="651380"/>
                  <a:pt x="6791739" y="1085823"/>
                </a:cubicBezTo>
                <a:cubicBezTo>
                  <a:pt x="6791739" y="1520265"/>
                  <a:pt x="6535015" y="1816400"/>
                  <a:pt x="6120466" y="1816400"/>
                </a:cubicBezTo>
                <a:cubicBezTo>
                  <a:pt x="5705915" y="1816400"/>
                  <a:pt x="5429487" y="1520265"/>
                  <a:pt x="5429487" y="1085823"/>
                </a:cubicBezTo>
                <a:cubicBezTo>
                  <a:pt x="5429487" y="651380"/>
                  <a:pt x="5686211" y="355248"/>
                  <a:pt x="6120466" y="355248"/>
                </a:cubicBezTo>
                <a:close/>
                <a:moveTo>
                  <a:pt x="4639609" y="355248"/>
                </a:moveTo>
                <a:cubicBezTo>
                  <a:pt x="4995043" y="355248"/>
                  <a:pt x="5251580" y="572374"/>
                  <a:pt x="5271473" y="908106"/>
                </a:cubicBezTo>
                <a:lnTo>
                  <a:pt x="5014749" y="908106"/>
                </a:lnTo>
                <a:cubicBezTo>
                  <a:pt x="4995043" y="710682"/>
                  <a:pt x="4896333" y="552670"/>
                  <a:pt x="4639609" y="552670"/>
                </a:cubicBezTo>
                <a:cubicBezTo>
                  <a:pt x="4382885" y="552670"/>
                  <a:pt x="4205167" y="769797"/>
                  <a:pt x="4205167" y="1085823"/>
                </a:cubicBezTo>
                <a:cubicBezTo>
                  <a:pt x="4205167" y="1401849"/>
                  <a:pt x="4382885" y="1618975"/>
                  <a:pt x="4639609" y="1618975"/>
                </a:cubicBezTo>
                <a:cubicBezTo>
                  <a:pt x="4856736" y="1618975"/>
                  <a:pt x="4995043" y="1480857"/>
                  <a:pt x="5034454" y="1243837"/>
                </a:cubicBezTo>
                <a:lnTo>
                  <a:pt x="5271284" y="1243837"/>
                </a:lnTo>
                <a:cubicBezTo>
                  <a:pt x="5251580" y="1599271"/>
                  <a:pt x="4994856" y="1816400"/>
                  <a:pt x="4639422" y="1816400"/>
                </a:cubicBezTo>
                <a:cubicBezTo>
                  <a:pt x="4244576" y="1816400"/>
                  <a:pt x="3948443" y="1520265"/>
                  <a:pt x="3948443" y="1085823"/>
                </a:cubicBezTo>
                <a:lnTo>
                  <a:pt x="3948630" y="1085823"/>
                </a:lnTo>
                <a:cubicBezTo>
                  <a:pt x="3948630" y="651380"/>
                  <a:pt x="4225061" y="355248"/>
                  <a:pt x="4639609" y="355248"/>
                </a:cubicBezTo>
                <a:close/>
                <a:moveTo>
                  <a:pt x="2369629" y="355248"/>
                </a:moveTo>
                <a:cubicBezTo>
                  <a:pt x="2784179" y="355248"/>
                  <a:pt x="3021197" y="671086"/>
                  <a:pt x="3021197" y="1105529"/>
                </a:cubicBezTo>
                <a:lnTo>
                  <a:pt x="3021197" y="1144937"/>
                </a:lnTo>
                <a:lnTo>
                  <a:pt x="3020823" y="1145124"/>
                </a:lnTo>
                <a:lnTo>
                  <a:pt x="1954706" y="1145124"/>
                </a:lnTo>
                <a:cubicBezTo>
                  <a:pt x="1974412" y="1441259"/>
                  <a:pt x="2152128" y="1618975"/>
                  <a:pt x="2389146" y="1618975"/>
                </a:cubicBezTo>
                <a:cubicBezTo>
                  <a:pt x="2566864" y="1618975"/>
                  <a:pt x="2724876" y="1520265"/>
                  <a:pt x="2744582" y="1362251"/>
                </a:cubicBezTo>
                <a:lnTo>
                  <a:pt x="3001306" y="1362251"/>
                </a:lnTo>
                <a:cubicBezTo>
                  <a:pt x="2961896" y="1638682"/>
                  <a:pt x="2705172" y="1816400"/>
                  <a:pt x="2389335" y="1816400"/>
                </a:cubicBezTo>
                <a:cubicBezTo>
                  <a:pt x="1974784" y="1816400"/>
                  <a:pt x="1698356" y="1539969"/>
                  <a:pt x="1698356" y="1085823"/>
                </a:cubicBezTo>
                <a:cubicBezTo>
                  <a:pt x="1698356" y="671274"/>
                  <a:pt x="1955080" y="355248"/>
                  <a:pt x="2369629" y="355248"/>
                </a:cubicBezTo>
                <a:close/>
                <a:moveTo>
                  <a:pt x="3297064" y="0"/>
                </a:moveTo>
                <a:lnTo>
                  <a:pt x="3553788" y="0"/>
                </a:lnTo>
                <a:lnTo>
                  <a:pt x="3553788" y="375141"/>
                </a:lnTo>
                <a:lnTo>
                  <a:pt x="3849920" y="375141"/>
                </a:lnTo>
                <a:lnTo>
                  <a:pt x="3849920" y="572563"/>
                </a:lnTo>
                <a:lnTo>
                  <a:pt x="3553788" y="572563"/>
                </a:lnTo>
                <a:lnTo>
                  <a:pt x="3553788" y="1401851"/>
                </a:lnTo>
                <a:cubicBezTo>
                  <a:pt x="3553788" y="1559863"/>
                  <a:pt x="3613089" y="1618977"/>
                  <a:pt x="3711800" y="1618977"/>
                </a:cubicBezTo>
                <a:cubicBezTo>
                  <a:pt x="3771104" y="1618977"/>
                  <a:pt x="3810512" y="1599273"/>
                  <a:pt x="3849920" y="1579567"/>
                </a:cubicBezTo>
                <a:lnTo>
                  <a:pt x="3849920" y="1776989"/>
                </a:lnTo>
                <a:cubicBezTo>
                  <a:pt x="3810512" y="1796696"/>
                  <a:pt x="3751210" y="1816400"/>
                  <a:pt x="3691908" y="1816400"/>
                </a:cubicBezTo>
                <a:cubicBezTo>
                  <a:pt x="3455078" y="1816400"/>
                  <a:pt x="3297064" y="1697983"/>
                  <a:pt x="3297064" y="1421555"/>
                </a:cubicBezTo>
                <a:lnTo>
                  <a:pt x="3297064" y="572563"/>
                </a:lnTo>
                <a:lnTo>
                  <a:pt x="3099642" y="572563"/>
                </a:lnTo>
                <a:lnTo>
                  <a:pt x="3099642" y="375141"/>
                </a:lnTo>
                <a:lnTo>
                  <a:pt x="3297064" y="375141"/>
                </a:lnTo>
                <a:close/>
                <a:moveTo>
                  <a:pt x="0" y="0"/>
                </a:moveTo>
                <a:lnTo>
                  <a:pt x="315839" y="0"/>
                </a:lnTo>
                <a:lnTo>
                  <a:pt x="1105528" y="1224132"/>
                </a:lnTo>
                <a:cubicBezTo>
                  <a:pt x="1164830" y="1322843"/>
                  <a:pt x="1223944" y="1421555"/>
                  <a:pt x="1263540" y="1500561"/>
                </a:cubicBezTo>
                <a:lnTo>
                  <a:pt x="1263540" y="0"/>
                </a:lnTo>
                <a:lnTo>
                  <a:pt x="1500372" y="0"/>
                </a:lnTo>
                <a:lnTo>
                  <a:pt x="1500372" y="1776989"/>
                </a:lnTo>
                <a:lnTo>
                  <a:pt x="1184534" y="1776989"/>
                </a:lnTo>
                <a:lnTo>
                  <a:pt x="394845" y="572563"/>
                </a:lnTo>
                <a:cubicBezTo>
                  <a:pt x="335543" y="473851"/>
                  <a:pt x="276430" y="375141"/>
                  <a:pt x="256724" y="296135"/>
                </a:cubicBezTo>
                <a:lnTo>
                  <a:pt x="237022" y="296135"/>
                </a:lnTo>
                <a:cubicBezTo>
                  <a:pt x="256724" y="375141"/>
                  <a:pt x="256724" y="493557"/>
                  <a:pt x="256724" y="611972"/>
                </a:cubicBezTo>
                <a:lnTo>
                  <a:pt x="256724" y="1776802"/>
                </a:lnTo>
                <a:lnTo>
                  <a:pt x="0" y="1776802"/>
                </a:lnTo>
                <a:close/>
              </a:path>
            </a:pathLst>
          </a:custGeom>
          <a:solidFill>
            <a:srgbClr val="FFFFFF"/>
          </a:solidFill>
        </p:spPr>
        <p:txBody>
          <a:bodyPr wrap="square">
            <a:noAutofit/>
          </a:bodyPr>
          <a:lstStyle>
            <a:lvl1pPr marL="0" indent="0">
              <a:buNone/>
              <a:defRPr sz="800"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96DC702E-4EA8-54A2-442D-E89A7EB8A00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-1"/>
            <a:ext cx="12193200" cy="6861600"/>
          </a:xfrm>
          <a:solidFill>
            <a:schemeClr val="tx1">
              <a:lumMod val="85000"/>
            </a:schemeClr>
          </a:solidFill>
        </p:spPr>
        <p:txBody>
          <a:bodyPr lIns="0" tIns="1116000" anchor="ctr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21366052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s">
            <a:extLst>
              <a:ext uri="{FF2B5EF4-FFF2-40B4-BE49-F238E27FC236}">
                <a16:creationId xmlns:a16="http://schemas.microsoft.com/office/drawing/2014/main" id="{AB5F4716-69BA-88BE-89EF-5D95180AF85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Grid">
            <a:extLst>
              <a:ext uri="{FF2B5EF4-FFF2-40B4-BE49-F238E27FC236}">
                <a16:creationId xmlns:a16="http://schemas.microsoft.com/office/drawing/2014/main" id="{E40A9A85-8338-90A7-E9C9-5E48397313C8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0" name="Logo">
            <a:extLst>
              <a:ext uri="{FF2B5EF4-FFF2-40B4-BE49-F238E27FC236}">
                <a16:creationId xmlns:a16="http://schemas.microsoft.com/office/drawing/2014/main" id="{B241B74F-7D87-FFC5-C09C-F196C06575D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87700" y="1670050"/>
            <a:ext cx="8816975" cy="3517899"/>
          </a:xfrm>
        </p:spPr>
        <p:txBody>
          <a:bodyPr lIns="187200">
            <a:normAutofit/>
          </a:bodyPr>
          <a:lstStyle>
            <a:lvl1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4800">
                <a:solidFill>
                  <a:schemeClr val="bg1"/>
                </a:solidFill>
              </a:defRPr>
            </a:lvl2pPr>
            <a:lvl3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3pPr>
            <a:lvl4pPr>
              <a:defRPr sz="6600" b="0">
                <a:solidFill>
                  <a:schemeClr val="bg1"/>
                </a:solidFill>
              </a:defRPr>
            </a:lvl4pPr>
            <a:lvl5pPr>
              <a:defRPr sz="6600" b="0">
                <a:solidFill>
                  <a:schemeClr val="bg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6pPr>
            <a:lvl7pPr>
              <a:defRPr sz="6600" b="0">
                <a:solidFill>
                  <a:schemeClr val="bg1"/>
                </a:solidFill>
              </a:defRPr>
            </a:lvl7pPr>
            <a:lvl8pPr>
              <a:defRPr sz="6600" b="0">
                <a:solidFill>
                  <a:schemeClr val="bg1"/>
                </a:solidFill>
              </a:defRPr>
            </a:lvl8pPr>
            <a:lvl9pPr>
              <a:defRPr sz="66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quote </a:t>
            </a:r>
            <a:br>
              <a:rPr lang="en-GB" dirty="0"/>
            </a:br>
            <a:endParaRPr lang="en-GB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6FEBBFBD-B279-3ADF-2659-FEEB6B009C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84537" y="1670050"/>
            <a:ext cx="2692013" cy="410400"/>
          </a:xfrm>
        </p:spPr>
        <p:txBody>
          <a:bodyPr tIns="144000" bIns="0">
            <a:normAutofit/>
          </a:bodyPr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20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insert tex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2E116F1-590B-F8F0-97A6-5FC456BE9050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141395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green - no gr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A758C21B-8E3D-3DE6-27D0-4B46F4FAF3B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Logo">
            <a:extLst>
              <a:ext uri="{FF2B5EF4-FFF2-40B4-BE49-F238E27FC236}">
                <a16:creationId xmlns:a16="http://schemas.microsoft.com/office/drawing/2014/main" id="{B241B74F-7D87-FFC5-C09C-F196C06575DA}"/>
              </a:ext>
            </a:extLst>
          </p:cNvPr>
          <p:cNvSpPr/>
          <p:nvPr userDrawn="1"/>
        </p:nvSpPr>
        <p:spPr bwMode="white"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187700" y="1670050"/>
            <a:ext cx="8816975" cy="3517899"/>
          </a:xfrm>
        </p:spPr>
        <p:txBody>
          <a:bodyPr lIns="187200">
            <a:normAutofit/>
          </a:bodyPr>
          <a:lstStyle>
            <a:lvl1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4800">
                <a:solidFill>
                  <a:schemeClr val="bg1"/>
                </a:solidFill>
              </a:defRPr>
            </a:lvl2pPr>
            <a:lvl3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3pPr>
            <a:lvl4pPr>
              <a:defRPr sz="6600" b="0">
                <a:solidFill>
                  <a:schemeClr val="bg1"/>
                </a:solidFill>
              </a:defRPr>
            </a:lvl4pPr>
            <a:lvl5pPr>
              <a:defRPr sz="6600" b="0">
                <a:solidFill>
                  <a:schemeClr val="bg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6600" b="0">
                <a:solidFill>
                  <a:schemeClr val="bg1"/>
                </a:solidFill>
              </a:defRPr>
            </a:lvl6pPr>
            <a:lvl7pPr>
              <a:defRPr sz="6600" b="0">
                <a:solidFill>
                  <a:schemeClr val="bg1"/>
                </a:solidFill>
              </a:defRPr>
            </a:lvl7pPr>
            <a:lvl8pPr>
              <a:defRPr sz="6600" b="0">
                <a:solidFill>
                  <a:schemeClr val="bg1"/>
                </a:solidFill>
              </a:defRPr>
            </a:lvl8pPr>
            <a:lvl9pPr>
              <a:defRPr sz="66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add quote </a:t>
            </a:r>
            <a:br>
              <a:rPr lang="en-GB" dirty="0"/>
            </a:br>
            <a:endParaRPr lang="en-GB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6FEBBFBD-B279-3ADF-2659-FEEB6B009C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84537" y="1670050"/>
            <a:ext cx="2692013" cy="410400"/>
          </a:xfrm>
        </p:spPr>
        <p:txBody>
          <a:bodyPr tIns="144000" bIns="0">
            <a:normAutofit/>
          </a:bodyPr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20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Click to insert tex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2E116F1-590B-F8F0-97A6-5FC456BE9050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0578354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s">
            <a:extLst>
              <a:ext uri="{FF2B5EF4-FFF2-40B4-BE49-F238E27FC236}">
                <a16:creationId xmlns:a16="http://schemas.microsoft.com/office/drawing/2014/main" id="{B4836A24-C01B-015A-56EC-184EF7FB287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Grid">
            <a:extLst>
              <a:ext uri="{FF2B5EF4-FFF2-40B4-BE49-F238E27FC236}">
                <a16:creationId xmlns:a16="http://schemas.microsoft.com/office/drawing/2014/main" id="{3413B674-7FD1-38F4-C1B3-F84A0836E4A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10" name="Logo">
            <a:extLst>
              <a:ext uri="{FF2B5EF4-FFF2-40B4-BE49-F238E27FC236}">
                <a16:creationId xmlns:a16="http://schemas.microsoft.com/office/drawing/2014/main" id="{B241B74F-7D87-FFC5-C09C-F196C06575DA}"/>
              </a:ext>
            </a:extLst>
          </p:cNvPr>
          <p:cNvSpPr/>
          <p:nvPr userDrawn="1"/>
        </p:nvSpPr>
        <p:spPr>
          <a:xfrm>
            <a:off x="190502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187700" y="1670050"/>
            <a:ext cx="8816975" cy="3517899"/>
          </a:xfrm>
        </p:spPr>
        <p:txBody>
          <a:bodyPr lIns="187200">
            <a:normAutofit/>
          </a:bodyPr>
          <a:lstStyle>
            <a:lvl1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4800">
                <a:solidFill>
                  <a:schemeClr val="bg1"/>
                </a:solidFill>
              </a:defRPr>
            </a:lvl2pPr>
            <a:lvl3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3pPr>
            <a:lvl4pPr>
              <a:defRPr sz="6600" b="0">
                <a:solidFill>
                  <a:schemeClr val="tx1"/>
                </a:solidFill>
              </a:defRPr>
            </a:lvl4pPr>
            <a:lvl5pPr>
              <a:defRPr sz="6600" b="0">
                <a:solidFill>
                  <a:schemeClr val="tx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6600" b="0">
                <a:solidFill>
                  <a:schemeClr val="tx1"/>
                </a:solidFill>
              </a:defRPr>
            </a:lvl6pPr>
            <a:lvl7pPr>
              <a:defRPr sz="6600" b="0">
                <a:solidFill>
                  <a:schemeClr val="tx1"/>
                </a:solidFill>
              </a:defRPr>
            </a:lvl7pPr>
            <a:lvl8pPr>
              <a:defRPr sz="6600" b="0">
                <a:solidFill>
                  <a:schemeClr val="tx1"/>
                </a:solidFill>
              </a:defRPr>
            </a:lvl8pPr>
            <a:lvl9pPr>
              <a:defRPr sz="6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quote </a:t>
            </a:r>
            <a:br>
              <a:rPr lang="en-GB" dirty="0"/>
            </a:br>
            <a:endParaRPr lang="en-GB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6FEBBFBD-B279-3ADF-2659-FEEB6B009C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84537" y="1670050"/>
            <a:ext cx="2692013" cy="410400"/>
          </a:xfrm>
        </p:spPr>
        <p:txBody>
          <a:bodyPr tIns="144000" bIns="0">
            <a:normAutofit/>
          </a:bodyPr>
          <a:lstStyle>
            <a:lvl1pPr marL="0" indent="0">
              <a:lnSpc>
                <a:spcPct val="118000"/>
              </a:lnSpc>
              <a:buFont typeface="Arial" panose="020B0604020202020204" pitchFamily="34" charset="0"/>
              <a:buNone/>
              <a:defRPr sz="20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tex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2E116F1-590B-F8F0-97A6-5FC456BE9050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66232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st sl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92D33812-781A-416C-64C5-2E9BDBBA59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Backgrounds">
            <a:extLst>
              <a:ext uri="{FF2B5EF4-FFF2-40B4-BE49-F238E27FC236}">
                <a16:creationId xmlns:a16="http://schemas.microsoft.com/office/drawing/2014/main" id="{CA0DEA3C-AEE2-C307-5D8E-500705E9AB76}"/>
              </a:ext>
            </a:extLst>
          </p:cNvPr>
          <p:cNvSpPr/>
          <p:nvPr userDrawn="1"/>
        </p:nvSpPr>
        <p:spPr>
          <a:xfrm>
            <a:off x="0" y="0"/>
            <a:ext cx="12193200" cy="6857999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Grid">
            <a:extLst>
              <a:ext uri="{FF2B5EF4-FFF2-40B4-BE49-F238E27FC236}">
                <a16:creationId xmlns:a16="http://schemas.microsoft.com/office/drawing/2014/main" id="{6B14ED8E-E195-D0C0-D950-EEEE70133C27}"/>
              </a:ext>
            </a:extLst>
          </p:cNvPr>
          <p:cNvSpPr/>
          <p:nvPr userDrawn="1"/>
        </p:nvSpPr>
        <p:spPr>
          <a:xfrm>
            <a:off x="0" y="2"/>
            <a:ext cx="12193200" cy="6857999"/>
          </a:xfrm>
          <a:custGeom>
            <a:avLst/>
            <a:gdLst>
              <a:gd name="connsiteX0" fmla="*/ 9193444 w 12193200"/>
              <a:gd name="connsiteY0" fmla="*/ 5192943 h 6857999"/>
              <a:gd name="connsiteX1" fmla="*/ 9193444 w 12193200"/>
              <a:gd name="connsiteY1" fmla="*/ 6668993 h 6857999"/>
              <a:gd name="connsiteX2" fmla="*/ 12001406 w 12193200"/>
              <a:gd name="connsiteY2" fmla="*/ 6668993 h 6857999"/>
              <a:gd name="connsiteX3" fmla="*/ 12001406 w 12193200"/>
              <a:gd name="connsiteY3" fmla="*/ 5192943 h 6857999"/>
              <a:gd name="connsiteX4" fmla="*/ 9006666 w 12193200"/>
              <a:gd name="connsiteY4" fmla="*/ 5192943 h 6857999"/>
              <a:gd name="connsiteX5" fmla="*/ 9006666 w 12193200"/>
              <a:gd name="connsiteY5" fmla="*/ 6668993 h 6857999"/>
              <a:gd name="connsiteX6" fmla="*/ 9186244 w 12193200"/>
              <a:gd name="connsiteY6" fmla="*/ 6668993 h 6857999"/>
              <a:gd name="connsiteX7" fmla="*/ 9186244 w 12193200"/>
              <a:gd name="connsiteY7" fmla="*/ 5192943 h 6857999"/>
              <a:gd name="connsiteX8" fmla="*/ 6191504 w 12193200"/>
              <a:gd name="connsiteY8" fmla="*/ 5192943 h 6857999"/>
              <a:gd name="connsiteX9" fmla="*/ 6191504 w 12193200"/>
              <a:gd name="connsiteY9" fmla="*/ 6668993 h 6857999"/>
              <a:gd name="connsiteX10" fmla="*/ 8999466 w 12193200"/>
              <a:gd name="connsiteY10" fmla="*/ 6668993 h 6857999"/>
              <a:gd name="connsiteX11" fmla="*/ 8999466 w 12193200"/>
              <a:gd name="connsiteY11" fmla="*/ 5192943 h 6857999"/>
              <a:gd name="connsiteX12" fmla="*/ 6006316 w 12193200"/>
              <a:gd name="connsiteY12" fmla="*/ 5192943 h 6857999"/>
              <a:gd name="connsiteX13" fmla="*/ 6006316 w 12193200"/>
              <a:gd name="connsiteY13" fmla="*/ 6668993 h 6857999"/>
              <a:gd name="connsiteX14" fmla="*/ 6184304 w 12193200"/>
              <a:gd name="connsiteY14" fmla="*/ 6668993 h 6857999"/>
              <a:gd name="connsiteX15" fmla="*/ 6184304 w 12193200"/>
              <a:gd name="connsiteY15" fmla="*/ 5192943 h 6857999"/>
              <a:gd name="connsiteX16" fmla="*/ 3191152 w 12193200"/>
              <a:gd name="connsiteY16" fmla="*/ 5192943 h 6857999"/>
              <a:gd name="connsiteX17" fmla="*/ 3191152 w 12193200"/>
              <a:gd name="connsiteY17" fmla="*/ 6668993 h 6857999"/>
              <a:gd name="connsiteX18" fmla="*/ 5999116 w 12193200"/>
              <a:gd name="connsiteY18" fmla="*/ 6668993 h 6857999"/>
              <a:gd name="connsiteX19" fmla="*/ 5999116 w 12193200"/>
              <a:gd name="connsiteY19" fmla="*/ 5192943 h 6857999"/>
              <a:gd name="connsiteX20" fmla="*/ 3004803 w 12193200"/>
              <a:gd name="connsiteY20" fmla="*/ 5192943 h 6857999"/>
              <a:gd name="connsiteX21" fmla="*/ 3004803 w 12193200"/>
              <a:gd name="connsiteY21" fmla="*/ 6668993 h 6857999"/>
              <a:gd name="connsiteX22" fmla="*/ 3183952 w 12193200"/>
              <a:gd name="connsiteY22" fmla="*/ 6668993 h 6857999"/>
              <a:gd name="connsiteX23" fmla="*/ 3183952 w 12193200"/>
              <a:gd name="connsiteY23" fmla="*/ 5192943 h 6857999"/>
              <a:gd name="connsiteX24" fmla="*/ 190221 w 12193200"/>
              <a:gd name="connsiteY24" fmla="*/ 5192943 h 6857999"/>
              <a:gd name="connsiteX25" fmla="*/ 190221 w 12193200"/>
              <a:gd name="connsiteY25" fmla="*/ 6668993 h 6857999"/>
              <a:gd name="connsiteX26" fmla="*/ 2997602 w 12193200"/>
              <a:gd name="connsiteY26" fmla="*/ 6668993 h 6857999"/>
              <a:gd name="connsiteX27" fmla="*/ 2997602 w 12193200"/>
              <a:gd name="connsiteY27" fmla="*/ 5192943 h 6857999"/>
              <a:gd name="connsiteX28" fmla="*/ 9193444 w 12193200"/>
              <a:gd name="connsiteY28" fmla="*/ 5006166 h 6857999"/>
              <a:gd name="connsiteX29" fmla="*/ 9193444 w 12193200"/>
              <a:gd name="connsiteY29" fmla="*/ 5185743 h 6857999"/>
              <a:gd name="connsiteX30" fmla="*/ 12001406 w 12193200"/>
              <a:gd name="connsiteY30" fmla="*/ 5185743 h 6857999"/>
              <a:gd name="connsiteX31" fmla="*/ 12001406 w 12193200"/>
              <a:gd name="connsiteY31" fmla="*/ 5006166 h 6857999"/>
              <a:gd name="connsiteX32" fmla="*/ 9006666 w 12193200"/>
              <a:gd name="connsiteY32" fmla="*/ 5006166 h 6857999"/>
              <a:gd name="connsiteX33" fmla="*/ 9006666 w 12193200"/>
              <a:gd name="connsiteY33" fmla="*/ 5185743 h 6857999"/>
              <a:gd name="connsiteX34" fmla="*/ 9186244 w 12193200"/>
              <a:gd name="connsiteY34" fmla="*/ 5185743 h 6857999"/>
              <a:gd name="connsiteX35" fmla="*/ 9186244 w 12193200"/>
              <a:gd name="connsiteY35" fmla="*/ 5006166 h 6857999"/>
              <a:gd name="connsiteX36" fmla="*/ 6191504 w 12193200"/>
              <a:gd name="connsiteY36" fmla="*/ 5006166 h 6857999"/>
              <a:gd name="connsiteX37" fmla="*/ 6191504 w 12193200"/>
              <a:gd name="connsiteY37" fmla="*/ 5185743 h 6857999"/>
              <a:gd name="connsiteX38" fmla="*/ 8999466 w 12193200"/>
              <a:gd name="connsiteY38" fmla="*/ 5185743 h 6857999"/>
              <a:gd name="connsiteX39" fmla="*/ 8999466 w 12193200"/>
              <a:gd name="connsiteY39" fmla="*/ 5006166 h 6857999"/>
              <a:gd name="connsiteX40" fmla="*/ 6006316 w 12193200"/>
              <a:gd name="connsiteY40" fmla="*/ 5006166 h 6857999"/>
              <a:gd name="connsiteX41" fmla="*/ 6006316 w 12193200"/>
              <a:gd name="connsiteY41" fmla="*/ 5185743 h 6857999"/>
              <a:gd name="connsiteX42" fmla="*/ 6184304 w 12193200"/>
              <a:gd name="connsiteY42" fmla="*/ 5185743 h 6857999"/>
              <a:gd name="connsiteX43" fmla="*/ 6184304 w 12193200"/>
              <a:gd name="connsiteY43" fmla="*/ 5006166 h 6857999"/>
              <a:gd name="connsiteX44" fmla="*/ 3191152 w 12193200"/>
              <a:gd name="connsiteY44" fmla="*/ 5006166 h 6857999"/>
              <a:gd name="connsiteX45" fmla="*/ 3191152 w 12193200"/>
              <a:gd name="connsiteY45" fmla="*/ 5185743 h 6857999"/>
              <a:gd name="connsiteX46" fmla="*/ 5999116 w 12193200"/>
              <a:gd name="connsiteY46" fmla="*/ 5185743 h 6857999"/>
              <a:gd name="connsiteX47" fmla="*/ 5999116 w 12193200"/>
              <a:gd name="connsiteY47" fmla="*/ 5006166 h 6857999"/>
              <a:gd name="connsiteX48" fmla="*/ 3004803 w 12193200"/>
              <a:gd name="connsiteY48" fmla="*/ 5006166 h 6857999"/>
              <a:gd name="connsiteX49" fmla="*/ 3004803 w 12193200"/>
              <a:gd name="connsiteY49" fmla="*/ 5185743 h 6857999"/>
              <a:gd name="connsiteX50" fmla="*/ 3183952 w 12193200"/>
              <a:gd name="connsiteY50" fmla="*/ 5185743 h 6857999"/>
              <a:gd name="connsiteX51" fmla="*/ 3183952 w 12193200"/>
              <a:gd name="connsiteY51" fmla="*/ 5006166 h 6857999"/>
              <a:gd name="connsiteX52" fmla="*/ 190221 w 12193200"/>
              <a:gd name="connsiteY52" fmla="*/ 5006166 h 6857999"/>
              <a:gd name="connsiteX53" fmla="*/ 190221 w 12193200"/>
              <a:gd name="connsiteY53" fmla="*/ 5185743 h 6857999"/>
              <a:gd name="connsiteX54" fmla="*/ 2997602 w 12193200"/>
              <a:gd name="connsiteY54" fmla="*/ 5185743 h 6857999"/>
              <a:gd name="connsiteX55" fmla="*/ 2997602 w 12193200"/>
              <a:gd name="connsiteY55" fmla="*/ 5006166 h 6857999"/>
              <a:gd name="connsiteX56" fmla="*/ 9193444 w 12193200"/>
              <a:gd name="connsiteY56" fmla="*/ 3524503 h 6857999"/>
              <a:gd name="connsiteX57" fmla="*/ 9193444 w 12193200"/>
              <a:gd name="connsiteY57" fmla="*/ 4998966 h 6857999"/>
              <a:gd name="connsiteX58" fmla="*/ 12001406 w 12193200"/>
              <a:gd name="connsiteY58" fmla="*/ 4998966 h 6857999"/>
              <a:gd name="connsiteX59" fmla="*/ 12001406 w 12193200"/>
              <a:gd name="connsiteY59" fmla="*/ 3524503 h 6857999"/>
              <a:gd name="connsiteX60" fmla="*/ 9006666 w 12193200"/>
              <a:gd name="connsiteY60" fmla="*/ 3524503 h 6857999"/>
              <a:gd name="connsiteX61" fmla="*/ 9006666 w 12193200"/>
              <a:gd name="connsiteY61" fmla="*/ 4998966 h 6857999"/>
              <a:gd name="connsiteX62" fmla="*/ 9186244 w 12193200"/>
              <a:gd name="connsiteY62" fmla="*/ 4998966 h 6857999"/>
              <a:gd name="connsiteX63" fmla="*/ 9186244 w 12193200"/>
              <a:gd name="connsiteY63" fmla="*/ 3524503 h 6857999"/>
              <a:gd name="connsiteX64" fmla="*/ 6191504 w 12193200"/>
              <a:gd name="connsiteY64" fmla="*/ 3524503 h 6857999"/>
              <a:gd name="connsiteX65" fmla="*/ 6191504 w 12193200"/>
              <a:gd name="connsiteY65" fmla="*/ 4998966 h 6857999"/>
              <a:gd name="connsiteX66" fmla="*/ 8999466 w 12193200"/>
              <a:gd name="connsiteY66" fmla="*/ 4998966 h 6857999"/>
              <a:gd name="connsiteX67" fmla="*/ 8999466 w 12193200"/>
              <a:gd name="connsiteY67" fmla="*/ 3524503 h 6857999"/>
              <a:gd name="connsiteX68" fmla="*/ 6006316 w 12193200"/>
              <a:gd name="connsiteY68" fmla="*/ 3524503 h 6857999"/>
              <a:gd name="connsiteX69" fmla="*/ 6006316 w 12193200"/>
              <a:gd name="connsiteY69" fmla="*/ 4998966 h 6857999"/>
              <a:gd name="connsiteX70" fmla="*/ 6184304 w 12193200"/>
              <a:gd name="connsiteY70" fmla="*/ 4998966 h 6857999"/>
              <a:gd name="connsiteX71" fmla="*/ 6184304 w 12193200"/>
              <a:gd name="connsiteY71" fmla="*/ 3524503 h 6857999"/>
              <a:gd name="connsiteX72" fmla="*/ 3191152 w 12193200"/>
              <a:gd name="connsiteY72" fmla="*/ 3524503 h 6857999"/>
              <a:gd name="connsiteX73" fmla="*/ 3191152 w 12193200"/>
              <a:gd name="connsiteY73" fmla="*/ 4998966 h 6857999"/>
              <a:gd name="connsiteX74" fmla="*/ 5999116 w 12193200"/>
              <a:gd name="connsiteY74" fmla="*/ 4998966 h 6857999"/>
              <a:gd name="connsiteX75" fmla="*/ 5999116 w 12193200"/>
              <a:gd name="connsiteY75" fmla="*/ 3524503 h 6857999"/>
              <a:gd name="connsiteX76" fmla="*/ 3004803 w 12193200"/>
              <a:gd name="connsiteY76" fmla="*/ 3524503 h 6857999"/>
              <a:gd name="connsiteX77" fmla="*/ 3004803 w 12193200"/>
              <a:gd name="connsiteY77" fmla="*/ 4998966 h 6857999"/>
              <a:gd name="connsiteX78" fmla="*/ 3183952 w 12193200"/>
              <a:gd name="connsiteY78" fmla="*/ 4998966 h 6857999"/>
              <a:gd name="connsiteX79" fmla="*/ 3183952 w 12193200"/>
              <a:gd name="connsiteY79" fmla="*/ 3524503 h 6857999"/>
              <a:gd name="connsiteX80" fmla="*/ 190221 w 12193200"/>
              <a:gd name="connsiteY80" fmla="*/ 3524503 h 6857999"/>
              <a:gd name="connsiteX81" fmla="*/ 190221 w 12193200"/>
              <a:gd name="connsiteY81" fmla="*/ 4998966 h 6857999"/>
              <a:gd name="connsiteX82" fmla="*/ 2997602 w 12193200"/>
              <a:gd name="connsiteY82" fmla="*/ 4998966 h 6857999"/>
              <a:gd name="connsiteX83" fmla="*/ 2997602 w 12193200"/>
              <a:gd name="connsiteY83" fmla="*/ 3524503 h 6857999"/>
              <a:gd name="connsiteX84" fmla="*/ 9193444 w 12193200"/>
              <a:gd name="connsiteY84" fmla="*/ 3339315 h 6857999"/>
              <a:gd name="connsiteX85" fmla="*/ 9193444 w 12193200"/>
              <a:gd name="connsiteY85" fmla="*/ 3517303 h 6857999"/>
              <a:gd name="connsiteX86" fmla="*/ 12001406 w 12193200"/>
              <a:gd name="connsiteY86" fmla="*/ 3517303 h 6857999"/>
              <a:gd name="connsiteX87" fmla="*/ 12001406 w 12193200"/>
              <a:gd name="connsiteY87" fmla="*/ 3339315 h 6857999"/>
              <a:gd name="connsiteX88" fmla="*/ 9006666 w 12193200"/>
              <a:gd name="connsiteY88" fmla="*/ 3339315 h 6857999"/>
              <a:gd name="connsiteX89" fmla="*/ 9006666 w 12193200"/>
              <a:gd name="connsiteY89" fmla="*/ 3517303 h 6857999"/>
              <a:gd name="connsiteX90" fmla="*/ 9186244 w 12193200"/>
              <a:gd name="connsiteY90" fmla="*/ 3517303 h 6857999"/>
              <a:gd name="connsiteX91" fmla="*/ 9186244 w 12193200"/>
              <a:gd name="connsiteY91" fmla="*/ 3339315 h 6857999"/>
              <a:gd name="connsiteX92" fmla="*/ 6191504 w 12193200"/>
              <a:gd name="connsiteY92" fmla="*/ 3339315 h 6857999"/>
              <a:gd name="connsiteX93" fmla="*/ 6191504 w 12193200"/>
              <a:gd name="connsiteY93" fmla="*/ 3517303 h 6857999"/>
              <a:gd name="connsiteX94" fmla="*/ 8999466 w 12193200"/>
              <a:gd name="connsiteY94" fmla="*/ 3517303 h 6857999"/>
              <a:gd name="connsiteX95" fmla="*/ 8999466 w 12193200"/>
              <a:gd name="connsiteY95" fmla="*/ 3339315 h 6857999"/>
              <a:gd name="connsiteX96" fmla="*/ 6006316 w 12193200"/>
              <a:gd name="connsiteY96" fmla="*/ 3339315 h 6857999"/>
              <a:gd name="connsiteX97" fmla="*/ 6006316 w 12193200"/>
              <a:gd name="connsiteY97" fmla="*/ 3517303 h 6857999"/>
              <a:gd name="connsiteX98" fmla="*/ 6184304 w 12193200"/>
              <a:gd name="connsiteY98" fmla="*/ 3517303 h 6857999"/>
              <a:gd name="connsiteX99" fmla="*/ 6184304 w 12193200"/>
              <a:gd name="connsiteY99" fmla="*/ 3339315 h 6857999"/>
              <a:gd name="connsiteX100" fmla="*/ 3191152 w 12193200"/>
              <a:gd name="connsiteY100" fmla="*/ 3339315 h 6857999"/>
              <a:gd name="connsiteX101" fmla="*/ 3191152 w 12193200"/>
              <a:gd name="connsiteY101" fmla="*/ 3517303 h 6857999"/>
              <a:gd name="connsiteX102" fmla="*/ 5999116 w 12193200"/>
              <a:gd name="connsiteY102" fmla="*/ 3517303 h 6857999"/>
              <a:gd name="connsiteX103" fmla="*/ 5999116 w 12193200"/>
              <a:gd name="connsiteY103" fmla="*/ 3339315 h 6857999"/>
              <a:gd name="connsiteX104" fmla="*/ 3004803 w 12193200"/>
              <a:gd name="connsiteY104" fmla="*/ 3339315 h 6857999"/>
              <a:gd name="connsiteX105" fmla="*/ 3004803 w 12193200"/>
              <a:gd name="connsiteY105" fmla="*/ 3517303 h 6857999"/>
              <a:gd name="connsiteX106" fmla="*/ 3183952 w 12193200"/>
              <a:gd name="connsiteY106" fmla="*/ 3517303 h 6857999"/>
              <a:gd name="connsiteX107" fmla="*/ 3183952 w 12193200"/>
              <a:gd name="connsiteY107" fmla="*/ 3339315 h 6857999"/>
              <a:gd name="connsiteX108" fmla="*/ 190221 w 12193200"/>
              <a:gd name="connsiteY108" fmla="*/ 3339315 h 6857999"/>
              <a:gd name="connsiteX109" fmla="*/ 190221 w 12193200"/>
              <a:gd name="connsiteY109" fmla="*/ 3517303 h 6857999"/>
              <a:gd name="connsiteX110" fmla="*/ 2997602 w 12193200"/>
              <a:gd name="connsiteY110" fmla="*/ 3517303 h 6857999"/>
              <a:gd name="connsiteX111" fmla="*/ 2997602 w 12193200"/>
              <a:gd name="connsiteY111" fmla="*/ 3339315 h 6857999"/>
              <a:gd name="connsiteX112" fmla="*/ 9193444 w 12193200"/>
              <a:gd name="connsiteY112" fmla="*/ 1859240 h 6857999"/>
              <a:gd name="connsiteX113" fmla="*/ 9193444 w 12193200"/>
              <a:gd name="connsiteY113" fmla="*/ 3332115 h 6857999"/>
              <a:gd name="connsiteX114" fmla="*/ 12001406 w 12193200"/>
              <a:gd name="connsiteY114" fmla="*/ 3332115 h 6857999"/>
              <a:gd name="connsiteX115" fmla="*/ 12001406 w 12193200"/>
              <a:gd name="connsiteY115" fmla="*/ 1859240 h 6857999"/>
              <a:gd name="connsiteX116" fmla="*/ 9006666 w 12193200"/>
              <a:gd name="connsiteY116" fmla="*/ 1859240 h 6857999"/>
              <a:gd name="connsiteX117" fmla="*/ 9006666 w 12193200"/>
              <a:gd name="connsiteY117" fmla="*/ 3332115 h 6857999"/>
              <a:gd name="connsiteX118" fmla="*/ 9186244 w 12193200"/>
              <a:gd name="connsiteY118" fmla="*/ 3332115 h 6857999"/>
              <a:gd name="connsiteX119" fmla="*/ 9186244 w 12193200"/>
              <a:gd name="connsiteY119" fmla="*/ 1859240 h 6857999"/>
              <a:gd name="connsiteX120" fmla="*/ 6191504 w 12193200"/>
              <a:gd name="connsiteY120" fmla="*/ 1859240 h 6857999"/>
              <a:gd name="connsiteX121" fmla="*/ 6191504 w 12193200"/>
              <a:gd name="connsiteY121" fmla="*/ 3332115 h 6857999"/>
              <a:gd name="connsiteX122" fmla="*/ 8999466 w 12193200"/>
              <a:gd name="connsiteY122" fmla="*/ 3332115 h 6857999"/>
              <a:gd name="connsiteX123" fmla="*/ 8999466 w 12193200"/>
              <a:gd name="connsiteY123" fmla="*/ 1859240 h 6857999"/>
              <a:gd name="connsiteX124" fmla="*/ 6006316 w 12193200"/>
              <a:gd name="connsiteY124" fmla="*/ 1859240 h 6857999"/>
              <a:gd name="connsiteX125" fmla="*/ 6006316 w 12193200"/>
              <a:gd name="connsiteY125" fmla="*/ 3332115 h 6857999"/>
              <a:gd name="connsiteX126" fmla="*/ 6184304 w 12193200"/>
              <a:gd name="connsiteY126" fmla="*/ 3332115 h 6857999"/>
              <a:gd name="connsiteX127" fmla="*/ 6184304 w 12193200"/>
              <a:gd name="connsiteY127" fmla="*/ 1859240 h 6857999"/>
              <a:gd name="connsiteX128" fmla="*/ 3191152 w 12193200"/>
              <a:gd name="connsiteY128" fmla="*/ 1859240 h 6857999"/>
              <a:gd name="connsiteX129" fmla="*/ 3191152 w 12193200"/>
              <a:gd name="connsiteY129" fmla="*/ 3332115 h 6857999"/>
              <a:gd name="connsiteX130" fmla="*/ 5999116 w 12193200"/>
              <a:gd name="connsiteY130" fmla="*/ 3332115 h 6857999"/>
              <a:gd name="connsiteX131" fmla="*/ 5999116 w 12193200"/>
              <a:gd name="connsiteY131" fmla="*/ 1859240 h 6857999"/>
              <a:gd name="connsiteX132" fmla="*/ 3004803 w 12193200"/>
              <a:gd name="connsiteY132" fmla="*/ 1859240 h 6857999"/>
              <a:gd name="connsiteX133" fmla="*/ 3004803 w 12193200"/>
              <a:gd name="connsiteY133" fmla="*/ 3332115 h 6857999"/>
              <a:gd name="connsiteX134" fmla="*/ 3183952 w 12193200"/>
              <a:gd name="connsiteY134" fmla="*/ 3332115 h 6857999"/>
              <a:gd name="connsiteX135" fmla="*/ 3183952 w 12193200"/>
              <a:gd name="connsiteY135" fmla="*/ 1859240 h 6857999"/>
              <a:gd name="connsiteX136" fmla="*/ 190221 w 12193200"/>
              <a:gd name="connsiteY136" fmla="*/ 1859240 h 6857999"/>
              <a:gd name="connsiteX137" fmla="*/ 190221 w 12193200"/>
              <a:gd name="connsiteY137" fmla="*/ 3332115 h 6857999"/>
              <a:gd name="connsiteX138" fmla="*/ 2997602 w 12193200"/>
              <a:gd name="connsiteY138" fmla="*/ 3332115 h 6857999"/>
              <a:gd name="connsiteX139" fmla="*/ 2997602 w 12193200"/>
              <a:gd name="connsiteY139" fmla="*/ 1859240 h 6857999"/>
              <a:gd name="connsiteX140" fmla="*/ 9193444 w 12193200"/>
              <a:gd name="connsiteY140" fmla="*/ 1671302 h 6857999"/>
              <a:gd name="connsiteX141" fmla="*/ 9193444 w 12193200"/>
              <a:gd name="connsiteY141" fmla="*/ 1852040 h 6857999"/>
              <a:gd name="connsiteX142" fmla="*/ 12001406 w 12193200"/>
              <a:gd name="connsiteY142" fmla="*/ 1852040 h 6857999"/>
              <a:gd name="connsiteX143" fmla="*/ 12001406 w 12193200"/>
              <a:gd name="connsiteY143" fmla="*/ 1671302 h 6857999"/>
              <a:gd name="connsiteX144" fmla="*/ 9006666 w 12193200"/>
              <a:gd name="connsiteY144" fmla="*/ 1671302 h 6857999"/>
              <a:gd name="connsiteX145" fmla="*/ 9006666 w 12193200"/>
              <a:gd name="connsiteY145" fmla="*/ 1852040 h 6857999"/>
              <a:gd name="connsiteX146" fmla="*/ 9186244 w 12193200"/>
              <a:gd name="connsiteY146" fmla="*/ 1852040 h 6857999"/>
              <a:gd name="connsiteX147" fmla="*/ 9186244 w 12193200"/>
              <a:gd name="connsiteY147" fmla="*/ 1671302 h 6857999"/>
              <a:gd name="connsiteX148" fmla="*/ 6191504 w 12193200"/>
              <a:gd name="connsiteY148" fmla="*/ 1671302 h 6857999"/>
              <a:gd name="connsiteX149" fmla="*/ 6191504 w 12193200"/>
              <a:gd name="connsiteY149" fmla="*/ 1852040 h 6857999"/>
              <a:gd name="connsiteX150" fmla="*/ 8999466 w 12193200"/>
              <a:gd name="connsiteY150" fmla="*/ 1852040 h 6857999"/>
              <a:gd name="connsiteX151" fmla="*/ 8999466 w 12193200"/>
              <a:gd name="connsiteY151" fmla="*/ 1671302 h 6857999"/>
              <a:gd name="connsiteX152" fmla="*/ 6006316 w 12193200"/>
              <a:gd name="connsiteY152" fmla="*/ 1671302 h 6857999"/>
              <a:gd name="connsiteX153" fmla="*/ 6006316 w 12193200"/>
              <a:gd name="connsiteY153" fmla="*/ 1852040 h 6857999"/>
              <a:gd name="connsiteX154" fmla="*/ 6184304 w 12193200"/>
              <a:gd name="connsiteY154" fmla="*/ 1852040 h 6857999"/>
              <a:gd name="connsiteX155" fmla="*/ 6184304 w 12193200"/>
              <a:gd name="connsiteY155" fmla="*/ 1671302 h 6857999"/>
              <a:gd name="connsiteX156" fmla="*/ 3191152 w 12193200"/>
              <a:gd name="connsiteY156" fmla="*/ 1671302 h 6857999"/>
              <a:gd name="connsiteX157" fmla="*/ 3191152 w 12193200"/>
              <a:gd name="connsiteY157" fmla="*/ 1852040 h 6857999"/>
              <a:gd name="connsiteX158" fmla="*/ 5999116 w 12193200"/>
              <a:gd name="connsiteY158" fmla="*/ 1852040 h 6857999"/>
              <a:gd name="connsiteX159" fmla="*/ 5999116 w 12193200"/>
              <a:gd name="connsiteY159" fmla="*/ 1671302 h 6857999"/>
              <a:gd name="connsiteX160" fmla="*/ 3004803 w 12193200"/>
              <a:gd name="connsiteY160" fmla="*/ 1671302 h 6857999"/>
              <a:gd name="connsiteX161" fmla="*/ 3004803 w 12193200"/>
              <a:gd name="connsiteY161" fmla="*/ 1852040 h 6857999"/>
              <a:gd name="connsiteX162" fmla="*/ 3183952 w 12193200"/>
              <a:gd name="connsiteY162" fmla="*/ 1852040 h 6857999"/>
              <a:gd name="connsiteX163" fmla="*/ 3183952 w 12193200"/>
              <a:gd name="connsiteY163" fmla="*/ 1671302 h 6857999"/>
              <a:gd name="connsiteX164" fmla="*/ 190221 w 12193200"/>
              <a:gd name="connsiteY164" fmla="*/ 1671302 h 6857999"/>
              <a:gd name="connsiteX165" fmla="*/ 190221 w 12193200"/>
              <a:gd name="connsiteY165" fmla="*/ 1852040 h 6857999"/>
              <a:gd name="connsiteX166" fmla="*/ 2997602 w 12193200"/>
              <a:gd name="connsiteY166" fmla="*/ 1852040 h 6857999"/>
              <a:gd name="connsiteX167" fmla="*/ 2997602 w 12193200"/>
              <a:gd name="connsiteY167" fmla="*/ 1671302 h 6857999"/>
              <a:gd name="connsiteX168" fmla="*/ 9193444 w 12193200"/>
              <a:gd name="connsiteY168" fmla="*/ 190219 h 6857999"/>
              <a:gd name="connsiteX169" fmla="*/ 9193444 w 12193200"/>
              <a:gd name="connsiteY169" fmla="*/ 1664102 h 6857999"/>
              <a:gd name="connsiteX170" fmla="*/ 12001406 w 12193200"/>
              <a:gd name="connsiteY170" fmla="*/ 1664102 h 6857999"/>
              <a:gd name="connsiteX171" fmla="*/ 12001406 w 12193200"/>
              <a:gd name="connsiteY171" fmla="*/ 190219 h 6857999"/>
              <a:gd name="connsiteX172" fmla="*/ 9006666 w 12193200"/>
              <a:gd name="connsiteY172" fmla="*/ 190219 h 6857999"/>
              <a:gd name="connsiteX173" fmla="*/ 9006666 w 12193200"/>
              <a:gd name="connsiteY173" fmla="*/ 1664102 h 6857999"/>
              <a:gd name="connsiteX174" fmla="*/ 9186244 w 12193200"/>
              <a:gd name="connsiteY174" fmla="*/ 1664102 h 6857999"/>
              <a:gd name="connsiteX175" fmla="*/ 9186244 w 12193200"/>
              <a:gd name="connsiteY175" fmla="*/ 190219 h 6857999"/>
              <a:gd name="connsiteX176" fmla="*/ 6191504 w 12193200"/>
              <a:gd name="connsiteY176" fmla="*/ 190219 h 6857999"/>
              <a:gd name="connsiteX177" fmla="*/ 6191504 w 12193200"/>
              <a:gd name="connsiteY177" fmla="*/ 1664102 h 6857999"/>
              <a:gd name="connsiteX178" fmla="*/ 8999466 w 12193200"/>
              <a:gd name="connsiteY178" fmla="*/ 1664102 h 6857999"/>
              <a:gd name="connsiteX179" fmla="*/ 8999466 w 12193200"/>
              <a:gd name="connsiteY179" fmla="*/ 190219 h 6857999"/>
              <a:gd name="connsiteX180" fmla="*/ 6006316 w 12193200"/>
              <a:gd name="connsiteY180" fmla="*/ 190219 h 6857999"/>
              <a:gd name="connsiteX181" fmla="*/ 6006316 w 12193200"/>
              <a:gd name="connsiteY181" fmla="*/ 1664102 h 6857999"/>
              <a:gd name="connsiteX182" fmla="*/ 6184304 w 12193200"/>
              <a:gd name="connsiteY182" fmla="*/ 1664102 h 6857999"/>
              <a:gd name="connsiteX183" fmla="*/ 6184304 w 12193200"/>
              <a:gd name="connsiteY183" fmla="*/ 190219 h 6857999"/>
              <a:gd name="connsiteX184" fmla="*/ 3191152 w 12193200"/>
              <a:gd name="connsiteY184" fmla="*/ 190219 h 6857999"/>
              <a:gd name="connsiteX185" fmla="*/ 3191152 w 12193200"/>
              <a:gd name="connsiteY185" fmla="*/ 1664102 h 6857999"/>
              <a:gd name="connsiteX186" fmla="*/ 5999116 w 12193200"/>
              <a:gd name="connsiteY186" fmla="*/ 1664102 h 6857999"/>
              <a:gd name="connsiteX187" fmla="*/ 5999116 w 12193200"/>
              <a:gd name="connsiteY187" fmla="*/ 190219 h 6857999"/>
              <a:gd name="connsiteX188" fmla="*/ 3004803 w 12193200"/>
              <a:gd name="connsiteY188" fmla="*/ 190219 h 6857999"/>
              <a:gd name="connsiteX189" fmla="*/ 3004803 w 12193200"/>
              <a:gd name="connsiteY189" fmla="*/ 1664102 h 6857999"/>
              <a:gd name="connsiteX190" fmla="*/ 3183952 w 12193200"/>
              <a:gd name="connsiteY190" fmla="*/ 1664102 h 6857999"/>
              <a:gd name="connsiteX191" fmla="*/ 3183952 w 12193200"/>
              <a:gd name="connsiteY191" fmla="*/ 190219 h 6857999"/>
              <a:gd name="connsiteX192" fmla="*/ 190221 w 12193200"/>
              <a:gd name="connsiteY192" fmla="*/ 190219 h 6857999"/>
              <a:gd name="connsiteX193" fmla="*/ 190221 w 12193200"/>
              <a:gd name="connsiteY193" fmla="*/ 1664102 h 6857999"/>
              <a:gd name="connsiteX194" fmla="*/ 2997602 w 12193200"/>
              <a:gd name="connsiteY194" fmla="*/ 1664102 h 6857999"/>
              <a:gd name="connsiteX195" fmla="*/ 2997602 w 12193200"/>
              <a:gd name="connsiteY195" fmla="*/ 190219 h 6857999"/>
              <a:gd name="connsiteX196" fmla="*/ 183021 w 12193200"/>
              <a:gd name="connsiteY196" fmla="*/ 0 h 6857999"/>
              <a:gd name="connsiteX197" fmla="*/ 190221 w 12193200"/>
              <a:gd name="connsiteY197" fmla="*/ 0 h 6857999"/>
              <a:gd name="connsiteX198" fmla="*/ 190221 w 12193200"/>
              <a:gd name="connsiteY198" fmla="*/ 183019 h 6857999"/>
              <a:gd name="connsiteX199" fmla="*/ 2997602 w 12193200"/>
              <a:gd name="connsiteY199" fmla="*/ 183019 h 6857999"/>
              <a:gd name="connsiteX200" fmla="*/ 2997602 w 12193200"/>
              <a:gd name="connsiteY200" fmla="*/ 0 h 6857999"/>
              <a:gd name="connsiteX201" fmla="*/ 3004803 w 12193200"/>
              <a:gd name="connsiteY201" fmla="*/ 0 h 6857999"/>
              <a:gd name="connsiteX202" fmla="*/ 3004803 w 12193200"/>
              <a:gd name="connsiteY202" fmla="*/ 183019 h 6857999"/>
              <a:gd name="connsiteX203" fmla="*/ 3183952 w 12193200"/>
              <a:gd name="connsiteY203" fmla="*/ 183019 h 6857999"/>
              <a:gd name="connsiteX204" fmla="*/ 3183952 w 12193200"/>
              <a:gd name="connsiteY204" fmla="*/ 0 h 6857999"/>
              <a:gd name="connsiteX205" fmla="*/ 3191152 w 12193200"/>
              <a:gd name="connsiteY205" fmla="*/ 0 h 6857999"/>
              <a:gd name="connsiteX206" fmla="*/ 3191152 w 12193200"/>
              <a:gd name="connsiteY206" fmla="*/ 183019 h 6857999"/>
              <a:gd name="connsiteX207" fmla="*/ 5999116 w 12193200"/>
              <a:gd name="connsiteY207" fmla="*/ 183019 h 6857999"/>
              <a:gd name="connsiteX208" fmla="*/ 5999116 w 12193200"/>
              <a:gd name="connsiteY208" fmla="*/ 0 h 6857999"/>
              <a:gd name="connsiteX209" fmla="*/ 6006316 w 12193200"/>
              <a:gd name="connsiteY209" fmla="*/ 0 h 6857999"/>
              <a:gd name="connsiteX210" fmla="*/ 6006316 w 12193200"/>
              <a:gd name="connsiteY210" fmla="*/ 183019 h 6857999"/>
              <a:gd name="connsiteX211" fmla="*/ 6184304 w 12193200"/>
              <a:gd name="connsiteY211" fmla="*/ 183019 h 6857999"/>
              <a:gd name="connsiteX212" fmla="*/ 6184304 w 12193200"/>
              <a:gd name="connsiteY212" fmla="*/ 0 h 6857999"/>
              <a:gd name="connsiteX213" fmla="*/ 6191504 w 12193200"/>
              <a:gd name="connsiteY213" fmla="*/ 0 h 6857999"/>
              <a:gd name="connsiteX214" fmla="*/ 6191504 w 12193200"/>
              <a:gd name="connsiteY214" fmla="*/ 183019 h 6857999"/>
              <a:gd name="connsiteX215" fmla="*/ 8999466 w 12193200"/>
              <a:gd name="connsiteY215" fmla="*/ 183019 h 6857999"/>
              <a:gd name="connsiteX216" fmla="*/ 8999466 w 12193200"/>
              <a:gd name="connsiteY216" fmla="*/ 0 h 6857999"/>
              <a:gd name="connsiteX217" fmla="*/ 9006666 w 12193200"/>
              <a:gd name="connsiteY217" fmla="*/ 0 h 6857999"/>
              <a:gd name="connsiteX218" fmla="*/ 9006666 w 12193200"/>
              <a:gd name="connsiteY218" fmla="*/ 183019 h 6857999"/>
              <a:gd name="connsiteX219" fmla="*/ 9186244 w 12193200"/>
              <a:gd name="connsiteY219" fmla="*/ 183019 h 6857999"/>
              <a:gd name="connsiteX220" fmla="*/ 9186244 w 12193200"/>
              <a:gd name="connsiteY220" fmla="*/ 1 h 6857999"/>
              <a:gd name="connsiteX221" fmla="*/ 9193444 w 12193200"/>
              <a:gd name="connsiteY221" fmla="*/ 1 h 6857999"/>
              <a:gd name="connsiteX222" fmla="*/ 9193444 w 12193200"/>
              <a:gd name="connsiteY222" fmla="*/ 183019 h 6857999"/>
              <a:gd name="connsiteX223" fmla="*/ 12001406 w 12193200"/>
              <a:gd name="connsiteY223" fmla="*/ 183019 h 6857999"/>
              <a:gd name="connsiteX224" fmla="*/ 12001406 w 12193200"/>
              <a:gd name="connsiteY224" fmla="*/ 1 h 6857999"/>
              <a:gd name="connsiteX225" fmla="*/ 12008606 w 12193200"/>
              <a:gd name="connsiteY225" fmla="*/ 1 h 6857999"/>
              <a:gd name="connsiteX226" fmla="*/ 12008606 w 12193200"/>
              <a:gd name="connsiteY226" fmla="*/ 183019 h 6857999"/>
              <a:gd name="connsiteX227" fmla="*/ 12193200 w 12193200"/>
              <a:gd name="connsiteY227" fmla="*/ 183019 h 6857999"/>
              <a:gd name="connsiteX228" fmla="*/ 12193200 w 12193200"/>
              <a:gd name="connsiteY228" fmla="*/ 190219 h 6857999"/>
              <a:gd name="connsiteX229" fmla="*/ 12008606 w 12193200"/>
              <a:gd name="connsiteY229" fmla="*/ 190219 h 6857999"/>
              <a:gd name="connsiteX230" fmla="*/ 12008606 w 12193200"/>
              <a:gd name="connsiteY230" fmla="*/ 1664102 h 6857999"/>
              <a:gd name="connsiteX231" fmla="*/ 12193200 w 12193200"/>
              <a:gd name="connsiteY231" fmla="*/ 1664102 h 6857999"/>
              <a:gd name="connsiteX232" fmla="*/ 12193200 w 12193200"/>
              <a:gd name="connsiteY232" fmla="*/ 1671302 h 6857999"/>
              <a:gd name="connsiteX233" fmla="*/ 12008606 w 12193200"/>
              <a:gd name="connsiteY233" fmla="*/ 1671302 h 6857999"/>
              <a:gd name="connsiteX234" fmla="*/ 12008606 w 12193200"/>
              <a:gd name="connsiteY234" fmla="*/ 1852040 h 6857999"/>
              <a:gd name="connsiteX235" fmla="*/ 12193200 w 12193200"/>
              <a:gd name="connsiteY235" fmla="*/ 1852040 h 6857999"/>
              <a:gd name="connsiteX236" fmla="*/ 12193200 w 12193200"/>
              <a:gd name="connsiteY236" fmla="*/ 1859240 h 6857999"/>
              <a:gd name="connsiteX237" fmla="*/ 12008606 w 12193200"/>
              <a:gd name="connsiteY237" fmla="*/ 1859240 h 6857999"/>
              <a:gd name="connsiteX238" fmla="*/ 12008606 w 12193200"/>
              <a:gd name="connsiteY238" fmla="*/ 3332115 h 6857999"/>
              <a:gd name="connsiteX239" fmla="*/ 12193200 w 12193200"/>
              <a:gd name="connsiteY239" fmla="*/ 3332115 h 6857999"/>
              <a:gd name="connsiteX240" fmla="*/ 12193200 w 12193200"/>
              <a:gd name="connsiteY240" fmla="*/ 3339315 h 6857999"/>
              <a:gd name="connsiteX241" fmla="*/ 12008606 w 12193200"/>
              <a:gd name="connsiteY241" fmla="*/ 3339315 h 6857999"/>
              <a:gd name="connsiteX242" fmla="*/ 12008606 w 12193200"/>
              <a:gd name="connsiteY242" fmla="*/ 3517303 h 6857999"/>
              <a:gd name="connsiteX243" fmla="*/ 12193200 w 12193200"/>
              <a:gd name="connsiteY243" fmla="*/ 3517303 h 6857999"/>
              <a:gd name="connsiteX244" fmla="*/ 12193200 w 12193200"/>
              <a:gd name="connsiteY244" fmla="*/ 3524503 h 6857999"/>
              <a:gd name="connsiteX245" fmla="*/ 12008606 w 12193200"/>
              <a:gd name="connsiteY245" fmla="*/ 3524503 h 6857999"/>
              <a:gd name="connsiteX246" fmla="*/ 12008606 w 12193200"/>
              <a:gd name="connsiteY246" fmla="*/ 4998966 h 6857999"/>
              <a:gd name="connsiteX247" fmla="*/ 12193200 w 12193200"/>
              <a:gd name="connsiteY247" fmla="*/ 4998966 h 6857999"/>
              <a:gd name="connsiteX248" fmla="*/ 12193200 w 12193200"/>
              <a:gd name="connsiteY248" fmla="*/ 5006166 h 6857999"/>
              <a:gd name="connsiteX249" fmla="*/ 12008606 w 12193200"/>
              <a:gd name="connsiteY249" fmla="*/ 5006166 h 6857999"/>
              <a:gd name="connsiteX250" fmla="*/ 12008606 w 12193200"/>
              <a:gd name="connsiteY250" fmla="*/ 5185743 h 6857999"/>
              <a:gd name="connsiteX251" fmla="*/ 12193200 w 12193200"/>
              <a:gd name="connsiteY251" fmla="*/ 5185743 h 6857999"/>
              <a:gd name="connsiteX252" fmla="*/ 12193200 w 12193200"/>
              <a:gd name="connsiteY252" fmla="*/ 5192943 h 6857999"/>
              <a:gd name="connsiteX253" fmla="*/ 12008606 w 12193200"/>
              <a:gd name="connsiteY253" fmla="*/ 5192943 h 6857999"/>
              <a:gd name="connsiteX254" fmla="*/ 12008606 w 12193200"/>
              <a:gd name="connsiteY254" fmla="*/ 6668993 h 6857999"/>
              <a:gd name="connsiteX255" fmla="*/ 12193200 w 12193200"/>
              <a:gd name="connsiteY255" fmla="*/ 6668993 h 6857999"/>
              <a:gd name="connsiteX256" fmla="*/ 12193200 w 12193200"/>
              <a:gd name="connsiteY256" fmla="*/ 6676193 h 6857999"/>
              <a:gd name="connsiteX257" fmla="*/ 12008606 w 12193200"/>
              <a:gd name="connsiteY257" fmla="*/ 6676193 h 6857999"/>
              <a:gd name="connsiteX258" fmla="*/ 12008606 w 12193200"/>
              <a:gd name="connsiteY258" fmla="*/ 6857999 h 6857999"/>
              <a:gd name="connsiteX259" fmla="*/ 12001406 w 12193200"/>
              <a:gd name="connsiteY259" fmla="*/ 6857999 h 6857999"/>
              <a:gd name="connsiteX260" fmla="*/ 12001406 w 12193200"/>
              <a:gd name="connsiteY260" fmla="*/ 6676193 h 6857999"/>
              <a:gd name="connsiteX261" fmla="*/ 9193444 w 12193200"/>
              <a:gd name="connsiteY261" fmla="*/ 6676193 h 6857999"/>
              <a:gd name="connsiteX262" fmla="*/ 9193444 w 12193200"/>
              <a:gd name="connsiteY262" fmla="*/ 6857999 h 6857999"/>
              <a:gd name="connsiteX263" fmla="*/ 9186244 w 12193200"/>
              <a:gd name="connsiteY263" fmla="*/ 6857999 h 6857999"/>
              <a:gd name="connsiteX264" fmla="*/ 9186244 w 12193200"/>
              <a:gd name="connsiteY264" fmla="*/ 6676193 h 6857999"/>
              <a:gd name="connsiteX265" fmla="*/ 9006666 w 12193200"/>
              <a:gd name="connsiteY265" fmla="*/ 6676193 h 6857999"/>
              <a:gd name="connsiteX266" fmla="*/ 9006666 w 12193200"/>
              <a:gd name="connsiteY266" fmla="*/ 6857999 h 6857999"/>
              <a:gd name="connsiteX267" fmla="*/ 8999466 w 12193200"/>
              <a:gd name="connsiteY267" fmla="*/ 6857999 h 6857999"/>
              <a:gd name="connsiteX268" fmla="*/ 8999466 w 12193200"/>
              <a:gd name="connsiteY268" fmla="*/ 6676193 h 6857999"/>
              <a:gd name="connsiteX269" fmla="*/ 6191504 w 12193200"/>
              <a:gd name="connsiteY269" fmla="*/ 6676193 h 6857999"/>
              <a:gd name="connsiteX270" fmla="*/ 6191504 w 12193200"/>
              <a:gd name="connsiteY270" fmla="*/ 6857999 h 6857999"/>
              <a:gd name="connsiteX271" fmla="*/ 6184304 w 12193200"/>
              <a:gd name="connsiteY271" fmla="*/ 6857999 h 6857999"/>
              <a:gd name="connsiteX272" fmla="*/ 6184304 w 12193200"/>
              <a:gd name="connsiteY272" fmla="*/ 6676193 h 6857999"/>
              <a:gd name="connsiteX273" fmla="*/ 6006316 w 12193200"/>
              <a:gd name="connsiteY273" fmla="*/ 6676193 h 6857999"/>
              <a:gd name="connsiteX274" fmla="*/ 6006316 w 12193200"/>
              <a:gd name="connsiteY274" fmla="*/ 6857999 h 6857999"/>
              <a:gd name="connsiteX275" fmla="*/ 5999116 w 12193200"/>
              <a:gd name="connsiteY275" fmla="*/ 6857999 h 6857999"/>
              <a:gd name="connsiteX276" fmla="*/ 5999116 w 12193200"/>
              <a:gd name="connsiteY276" fmla="*/ 6676193 h 6857999"/>
              <a:gd name="connsiteX277" fmla="*/ 3191152 w 12193200"/>
              <a:gd name="connsiteY277" fmla="*/ 6676193 h 6857999"/>
              <a:gd name="connsiteX278" fmla="*/ 3191152 w 12193200"/>
              <a:gd name="connsiteY278" fmla="*/ 6857999 h 6857999"/>
              <a:gd name="connsiteX279" fmla="*/ 3183952 w 12193200"/>
              <a:gd name="connsiteY279" fmla="*/ 6857999 h 6857999"/>
              <a:gd name="connsiteX280" fmla="*/ 3183952 w 12193200"/>
              <a:gd name="connsiteY280" fmla="*/ 6676193 h 6857999"/>
              <a:gd name="connsiteX281" fmla="*/ 3004803 w 12193200"/>
              <a:gd name="connsiteY281" fmla="*/ 6676193 h 6857999"/>
              <a:gd name="connsiteX282" fmla="*/ 3004803 w 12193200"/>
              <a:gd name="connsiteY282" fmla="*/ 6857999 h 6857999"/>
              <a:gd name="connsiteX283" fmla="*/ 2997602 w 12193200"/>
              <a:gd name="connsiteY283" fmla="*/ 6857999 h 6857999"/>
              <a:gd name="connsiteX284" fmla="*/ 2997602 w 12193200"/>
              <a:gd name="connsiteY284" fmla="*/ 6676193 h 6857999"/>
              <a:gd name="connsiteX285" fmla="*/ 190221 w 12193200"/>
              <a:gd name="connsiteY285" fmla="*/ 6676193 h 6857999"/>
              <a:gd name="connsiteX286" fmla="*/ 190221 w 12193200"/>
              <a:gd name="connsiteY286" fmla="*/ 6857999 h 6857999"/>
              <a:gd name="connsiteX287" fmla="*/ 183021 w 12193200"/>
              <a:gd name="connsiteY287" fmla="*/ 6857999 h 6857999"/>
              <a:gd name="connsiteX288" fmla="*/ 183021 w 12193200"/>
              <a:gd name="connsiteY288" fmla="*/ 6676193 h 6857999"/>
              <a:gd name="connsiteX289" fmla="*/ 0 w 12193200"/>
              <a:gd name="connsiteY289" fmla="*/ 6676193 h 6857999"/>
              <a:gd name="connsiteX290" fmla="*/ 0 w 12193200"/>
              <a:gd name="connsiteY290" fmla="*/ 6668993 h 6857999"/>
              <a:gd name="connsiteX291" fmla="*/ 183021 w 12193200"/>
              <a:gd name="connsiteY291" fmla="*/ 6668993 h 6857999"/>
              <a:gd name="connsiteX292" fmla="*/ 183021 w 12193200"/>
              <a:gd name="connsiteY292" fmla="*/ 5192943 h 6857999"/>
              <a:gd name="connsiteX293" fmla="*/ 0 w 12193200"/>
              <a:gd name="connsiteY293" fmla="*/ 5192943 h 6857999"/>
              <a:gd name="connsiteX294" fmla="*/ 0 w 12193200"/>
              <a:gd name="connsiteY294" fmla="*/ 5185743 h 6857999"/>
              <a:gd name="connsiteX295" fmla="*/ 183021 w 12193200"/>
              <a:gd name="connsiteY295" fmla="*/ 5185743 h 6857999"/>
              <a:gd name="connsiteX296" fmla="*/ 183021 w 12193200"/>
              <a:gd name="connsiteY296" fmla="*/ 5006166 h 6857999"/>
              <a:gd name="connsiteX297" fmla="*/ 1 w 12193200"/>
              <a:gd name="connsiteY297" fmla="*/ 5006166 h 6857999"/>
              <a:gd name="connsiteX298" fmla="*/ 1 w 12193200"/>
              <a:gd name="connsiteY298" fmla="*/ 4998966 h 6857999"/>
              <a:gd name="connsiteX299" fmla="*/ 183021 w 12193200"/>
              <a:gd name="connsiteY299" fmla="*/ 4998966 h 6857999"/>
              <a:gd name="connsiteX300" fmla="*/ 183021 w 12193200"/>
              <a:gd name="connsiteY300" fmla="*/ 3524503 h 6857999"/>
              <a:gd name="connsiteX301" fmla="*/ 1 w 12193200"/>
              <a:gd name="connsiteY301" fmla="*/ 3524503 h 6857999"/>
              <a:gd name="connsiteX302" fmla="*/ 1 w 12193200"/>
              <a:gd name="connsiteY302" fmla="*/ 3517303 h 6857999"/>
              <a:gd name="connsiteX303" fmla="*/ 183021 w 12193200"/>
              <a:gd name="connsiteY303" fmla="*/ 3517303 h 6857999"/>
              <a:gd name="connsiteX304" fmla="*/ 183021 w 12193200"/>
              <a:gd name="connsiteY304" fmla="*/ 3339315 h 6857999"/>
              <a:gd name="connsiteX305" fmla="*/ 1 w 12193200"/>
              <a:gd name="connsiteY305" fmla="*/ 3339315 h 6857999"/>
              <a:gd name="connsiteX306" fmla="*/ 1 w 12193200"/>
              <a:gd name="connsiteY306" fmla="*/ 3332115 h 6857999"/>
              <a:gd name="connsiteX307" fmla="*/ 183021 w 12193200"/>
              <a:gd name="connsiteY307" fmla="*/ 3332115 h 6857999"/>
              <a:gd name="connsiteX308" fmla="*/ 183021 w 12193200"/>
              <a:gd name="connsiteY308" fmla="*/ 1859240 h 6857999"/>
              <a:gd name="connsiteX309" fmla="*/ 1 w 12193200"/>
              <a:gd name="connsiteY309" fmla="*/ 1859240 h 6857999"/>
              <a:gd name="connsiteX310" fmla="*/ 1 w 12193200"/>
              <a:gd name="connsiteY310" fmla="*/ 1852040 h 6857999"/>
              <a:gd name="connsiteX311" fmla="*/ 183021 w 12193200"/>
              <a:gd name="connsiteY311" fmla="*/ 1852040 h 6857999"/>
              <a:gd name="connsiteX312" fmla="*/ 183021 w 12193200"/>
              <a:gd name="connsiteY312" fmla="*/ 1671302 h 6857999"/>
              <a:gd name="connsiteX313" fmla="*/ 1 w 12193200"/>
              <a:gd name="connsiteY313" fmla="*/ 1671302 h 6857999"/>
              <a:gd name="connsiteX314" fmla="*/ 1 w 12193200"/>
              <a:gd name="connsiteY314" fmla="*/ 1664102 h 6857999"/>
              <a:gd name="connsiteX315" fmla="*/ 183021 w 12193200"/>
              <a:gd name="connsiteY315" fmla="*/ 1664102 h 6857999"/>
              <a:gd name="connsiteX316" fmla="*/ 183021 w 12193200"/>
              <a:gd name="connsiteY316" fmla="*/ 190219 h 6857999"/>
              <a:gd name="connsiteX317" fmla="*/ 1 w 12193200"/>
              <a:gd name="connsiteY317" fmla="*/ 190219 h 6857999"/>
              <a:gd name="connsiteX318" fmla="*/ 1 w 12193200"/>
              <a:gd name="connsiteY318" fmla="*/ 183019 h 6857999"/>
              <a:gd name="connsiteX319" fmla="*/ 183021 w 12193200"/>
              <a:gd name="connsiteY319" fmla="*/ 183019 h 68579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</a:cxnLst>
            <a:rect l="l" t="t" r="r" b="b"/>
            <a:pathLst>
              <a:path w="12193200" h="6857999">
                <a:moveTo>
                  <a:pt x="9193444" y="5192943"/>
                </a:moveTo>
                <a:lnTo>
                  <a:pt x="9193444" y="6668993"/>
                </a:lnTo>
                <a:lnTo>
                  <a:pt x="12001406" y="6668993"/>
                </a:lnTo>
                <a:lnTo>
                  <a:pt x="12001406" y="5192943"/>
                </a:lnTo>
                <a:close/>
                <a:moveTo>
                  <a:pt x="9006666" y="5192943"/>
                </a:moveTo>
                <a:lnTo>
                  <a:pt x="9006666" y="6668993"/>
                </a:lnTo>
                <a:lnTo>
                  <a:pt x="9186244" y="6668993"/>
                </a:lnTo>
                <a:lnTo>
                  <a:pt x="9186244" y="5192943"/>
                </a:lnTo>
                <a:close/>
                <a:moveTo>
                  <a:pt x="6191504" y="5192943"/>
                </a:moveTo>
                <a:lnTo>
                  <a:pt x="6191504" y="6668993"/>
                </a:lnTo>
                <a:lnTo>
                  <a:pt x="8999466" y="6668993"/>
                </a:lnTo>
                <a:lnTo>
                  <a:pt x="8999466" y="5192943"/>
                </a:lnTo>
                <a:close/>
                <a:moveTo>
                  <a:pt x="6006316" y="5192943"/>
                </a:moveTo>
                <a:lnTo>
                  <a:pt x="6006316" y="6668993"/>
                </a:lnTo>
                <a:lnTo>
                  <a:pt x="6184304" y="6668993"/>
                </a:lnTo>
                <a:lnTo>
                  <a:pt x="6184304" y="5192943"/>
                </a:lnTo>
                <a:close/>
                <a:moveTo>
                  <a:pt x="3191152" y="5192943"/>
                </a:moveTo>
                <a:lnTo>
                  <a:pt x="3191152" y="6668993"/>
                </a:lnTo>
                <a:lnTo>
                  <a:pt x="5999116" y="6668993"/>
                </a:lnTo>
                <a:lnTo>
                  <a:pt x="5999116" y="5192943"/>
                </a:lnTo>
                <a:close/>
                <a:moveTo>
                  <a:pt x="3004803" y="5192943"/>
                </a:moveTo>
                <a:lnTo>
                  <a:pt x="3004803" y="6668993"/>
                </a:lnTo>
                <a:lnTo>
                  <a:pt x="3183952" y="6668993"/>
                </a:lnTo>
                <a:lnTo>
                  <a:pt x="3183952" y="5192943"/>
                </a:lnTo>
                <a:close/>
                <a:moveTo>
                  <a:pt x="190221" y="5192943"/>
                </a:moveTo>
                <a:lnTo>
                  <a:pt x="190221" y="6668993"/>
                </a:lnTo>
                <a:lnTo>
                  <a:pt x="2997602" y="6668993"/>
                </a:lnTo>
                <a:lnTo>
                  <a:pt x="2997602" y="5192943"/>
                </a:lnTo>
                <a:close/>
                <a:moveTo>
                  <a:pt x="9193444" y="5006166"/>
                </a:moveTo>
                <a:lnTo>
                  <a:pt x="9193444" y="5185743"/>
                </a:lnTo>
                <a:lnTo>
                  <a:pt x="12001406" y="5185743"/>
                </a:lnTo>
                <a:lnTo>
                  <a:pt x="12001406" y="5006166"/>
                </a:lnTo>
                <a:close/>
                <a:moveTo>
                  <a:pt x="9006666" y="5006166"/>
                </a:moveTo>
                <a:lnTo>
                  <a:pt x="9006666" y="5185743"/>
                </a:lnTo>
                <a:lnTo>
                  <a:pt x="9186244" y="5185743"/>
                </a:lnTo>
                <a:lnTo>
                  <a:pt x="9186244" y="5006166"/>
                </a:lnTo>
                <a:close/>
                <a:moveTo>
                  <a:pt x="6191504" y="5006166"/>
                </a:moveTo>
                <a:lnTo>
                  <a:pt x="6191504" y="5185743"/>
                </a:lnTo>
                <a:lnTo>
                  <a:pt x="8999466" y="5185743"/>
                </a:lnTo>
                <a:lnTo>
                  <a:pt x="8999466" y="5006166"/>
                </a:lnTo>
                <a:close/>
                <a:moveTo>
                  <a:pt x="6006316" y="5006166"/>
                </a:moveTo>
                <a:lnTo>
                  <a:pt x="6006316" y="5185743"/>
                </a:lnTo>
                <a:lnTo>
                  <a:pt x="6184304" y="5185743"/>
                </a:lnTo>
                <a:lnTo>
                  <a:pt x="6184304" y="5006166"/>
                </a:lnTo>
                <a:close/>
                <a:moveTo>
                  <a:pt x="3191152" y="5006166"/>
                </a:moveTo>
                <a:lnTo>
                  <a:pt x="3191152" y="5185743"/>
                </a:lnTo>
                <a:lnTo>
                  <a:pt x="5999116" y="5185743"/>
                </a:lnTo>
                <a:lnTo>
                  <a:pt x="5999116" y="5006166"/>
                </a:lnTo>
                <a:close/>
                <a:moveTo>
                  <a:pt x="3004803" y="5006166"/>
                </a:moveTo>
                <a:lnTo>
                  <a:pt x="3004803" y="5185743"/>
                </a:lnTo>
                <a:lnTo>
                  <a:pt x="3183952" y="5185743"/>
                </a:lnTo>
                <a:lnTo>
                  <a:pt x="3183952" y="5006166"/>
                </a:lnTo>
                <a:close/>
                <a:moveTo>
                  <a:pt x="190221" y="5006166"/>
                </a:moveTo>
                <a:lnTo>
                  <a:pt x="190221" y="5185743"/>
                </a:lnTo>
                <a:lnTo>
                  <a:pt x="2997602" y="5185743"/>
                </a:lnTo>
                <a:lnTo>
                  <a:pt x="2997602" y="5006166"/>
                </a:lnTo>
                <a:close/>
                <a:moveTo>
                  <a:pt x="9193444" y="3524503"/>
                </a:moveTo>
                <a:lnTo>
                  <a:pt x="9193444" y="4998966"/>
                </a:lnTo>
                <a:lnTo>
                  <a:pt x="12001406" y="4998966"/>
                </a:lnTo>
                <a:lnTo>
                  <a:pt x="12001406" y="3524503"/>
                </a:lnTo>
                <a:close/>
                <a:moveTo>
                  <a:pt x="9006666" y="3524503"/>
                </a:moveTo>
                <a:lnTo>
                  <a:pt x="9006666" y="4998966"/>
                </a:lnTo>
                <a:lnTo>
                  <a:pt x="9186244" y="4998966"/>
                </a:lnTo>
                <a:lnTo>
                  <a:pt x="9186244" y="3524503"/>
                </a:lnTo>
                <a:close/>
                <a:moveTo>
                  <a:pt x="6191504" y="3524503"/>
                </a:moveTo>
                <a:lnTo>
                  <a:pt x="6191504" y="4998966"/>
                </a:lnTo>
                <a:lnTo>
                  <a:pt x="8999466" y="4998966"/>
                </a:lnTo>
                <a:lnTo>
                  <a:pt x="8999466" y="3524503"/>
                </a:lnTo>
                <a:close/>
                <a:moveTo>
                  <a:pt x="6006316" y="3524503"/>
                </a:moveTo>
                <a:lnTo>
                  <a:pt x="6006316" y="4998966"/>
                </a:lnTo>
                <a:lnTo>
                  <a:pt x="6184304" y="4998966"/>
                </a:lnTo>
                <a:lnTo>
                  <a:pt x="6184304" y="3524503"/>
                </a:lnTo>
                <a:close/>
                <a:moveTo>
                  <a:pt x="3191152" y="3524503"/>
                </a:moveTo>
                <a:lnTo>
                  <a:pt x="3191152" y="4998966"/>
                </a:lnTo>
                <a:lnTo>
                  <a:pt x="5999116" y="4998966"/>
                </a:lnTo>
                <a:lnTo>
                  <a:pt x="5999116" y="3524503"/>
                </a:lnTo>
                <a:close/>
                <a:moveTo>
                  <a:pt x="3004803" y="3524503"/>
                </a:moveTo>
                <a:lnTo>
                  <a:pt x="3004803" y="4998966"/>
                </a:lnTo>
                <a:lnTo>
                  <a:pt x="3183952" y="4998966"/>
                </a:lnTo>
                <a:lnTo>
                  <a:pt x="3183952" y="3524503"/>
                </a:lnTo>
                <a:close/>
                <a:moveTo>
                  <a:pt x="190221" y="3524503"/>
                </a:moveTo>
                <a:lnTo>
                  <a:pt x="190221" y="4998966"/>
                </a:lnTo>
                <a:lnTo>
                  <a:pt x="2997602" y="4998966"/>
                </a:lnTo>
                <a:lnTo>
                  <a:pt x="2997602" y="3524503"/>
                </a:lnTo>
                <a:close/>
                <a:moveTo>
                  <a:pt x="9193444" y="3339315"/>
                </a:moveTo>
                <a:lnTo>
                  <a:pt x="9193444" y="3517303"/>
                </a:lnTo>
                <a:lnTo>
                  <a:pt x="12001406" y="3517303"/>
                </a:lnTo>
                <a:lnTo>
                  <a:pt x="12001406" y="3339315"/>
                </a:lnTo>
                <a:close/>
                <a:moveTo>
                  <a:pt x="9006666" y="3339315"/>
                </a:moveTo>
                <a:lnTo>
                  <a:pt x="9006666" y="3517303"/>
                </a:lnTo>
                <a:lnTo>
                  <a:pt x="9186244" y="3517303"/>
                </a:lnTo>
                <a:lnTo>
                  <a:pt x="9186244" y="3339315"/>
                </a:lnTo>
                <a:close/>
                <a:moveTo>
                  <a:pt x="6191504" y="3339315"/>
                </a:moveTo>
                <a:lnTo>
                  <a:pt x="6191504" y="3517303"/>
                </a:lnTo>
                <a:lnTo>
                  <a:pt x="8999466" y="3517303"/>
                </a:lnTo>
                <a:lnTo>
                  <a:pt x="8999466" y="3339315"/>
                </a:lnTo>
                <a:close/>
                <a:moveTo>
                  <a:pt x="6006316" y="3339315"/>
                </a:moveTo>
                <a:lnTo>
                  <a:pt x="6006316" y="3517303"/>
                </a:lnTo>
                <a:lnTo>
                  <a:pt x="6184304" y="3517303"/>
                </a:lnTo>
                <a:lnTo>
                  <a:pt x="6184304" y="3339315"/>
                </a:lnTo>
                <a:close/>
                <a:moveTo>
                  <a:pt x="3191152" y="3339315"/>
                </a:moveTo>
                <a:lnTo>
                  <a:pt x="3191152" y="3517303"/>
                </a:lnTo>
                <a:lnTo>
                  <a:pt x="5999116" y="3517303"/>
                </a:lnTo>
                <a:lnTo>
                  <a:pt x="5999116" y="3339315"/>
                </a:lnTo>
                <a:close/>
                <a:moveTo>
                  <a:pt x="3004803" y="3339315"/>
                </a:moveTo>
                <a:lnTo>
                  <a:pt x="3004803" y="3517303"/>
                </a:lnTo>
                <a:lnTo>
                  <a:pt x="3183952" y="3517303"/>
                </a:lnTo>
                <a:lnTo>
                  <a:pt x="3183952" y="3339315"/>
                </a:lnTo>
                <a:close/>
                <a:moveTo>
                  <a:pt x="190221" y="3339315"/>
                </a:moveTo>
                <a:lnTo>
                  <a:pt x="190221" y="3517303"/>
                </a:lnTo>
                <a:lnTo>
                  <a:pt x="2997602" y="3517303"/>
                </a:lnTo>
                <a:lnTo>
                  <a:pt x="2997602" y="3339315"/>
                </a:lnTo>
                <a:close/>
                <a:moveTo>
                  <a:pt x="9193444" y="1859240"/>
                </a:moveTo>
                <a:lnTo>
                  <a:pt x="9193444" y="3332115"/>
                </a:lnTo>
                <a:lnTo>
                  <a:pt x="12001406" y="3332115"/>
                </a:lnTo>
                <a:lnTo>
                  <a:pt x="12001406" y="1859240"/>
                </a:lnTo>
                <a:close/>
                <a:moveTo>
                  <a:pt x="9006666" y="1859240"/>
                </a:moveTo>
                <a:lnTo>
                  <a:pt x="9006666" y="3332115"/>
                </a:lnTo>
                <a:lnTo>
                  <a:pt x="9186244" y="3332115"/>
                </a:lnTo>
                <a:lnTo>
                  <a:pt x="9186244" y="1859240"/>
                </a:lnTo>
                <a:close/>
                <a:moveTo>
                  <a:pt x="6191504" y="1859240"/>
                </a:moveTo>
                <a:lnTo>
                  <a:pt x="6191504" y="3332115"/>
                </a:lnTo>
                <a:lnTo>
                  <a:pt x="8999466" y="3332115"/>
                </a:lnTo>
                <a:lnTo>
                  <a:pt x="8999466" y="1859240"/>
                </a:lnTo>
                <a:close/>
                <a:moveTo>
                  <a:pt x="6006316" y="1859240"/>
                </a:moveTo>
                <a:lnTo>
                  <a:pt x="6006316" y="3332115"/>
                </a:lnTo>
                <a:lnTo>
                  <a:pt x="6184304" y="3332115"/>
                </a:lnTo>
                <a:lnTo>
                  <a:pt x="6184304" y="1859240"/>
                </a:lnTo>
                <a:close/>
                <a:moveTo>
                  <a:pt x="3191152" y="1859240"/>
                </a:moveTo>
                <a:lnTo>
                  <a:pt x="3191152" y="3332115"/>
                </a:lnTo>
                <a:lnTo>
                  <a:pt x="5999116" y="3332115"/>
                </a:lnTo>
                <a:lnTo>
                  <a:pt x="5999116" y="1859240"/>
                </a:lnTo>
                <a:close/>
                <a:moveTo>
                  <a:pt x="3004803" y="1859240"/>
                </a:moveTo>
                <a:lnTo>
                  <a:pt x="3004803" y="3332115"/>
                </a:lnTo>
                <a:lnTo>
                  <a:pt x="3183952" y="3332115"/>
                </a:lnTo>
                <a:lnTo>
                  <a:pt x="3183952" y="1859240"/>
                </a:lnTo>
                <a:close/>
                <a:moveTo>
                  <a:pt x="190221" y="1859240"/>
                </a:moveTo>
                <a:lnTo>
                  <a:pt x="190221" y="3332115"/>
                </a:lnTo>
                <a:lnTo>
                  <a:pt x="2997602" y="3332115"/>
                </a:lnTo>
                <a:lnTo>
                  <a:pt x="2997602" y="1859240"/>
                </a:lnTo>
                <a:close/>
                <a:moveTo>
                  <a:pt x="9193444" y="1671302"/>
                </a:moveTo>
                <a:lnTo>
                  <a:pt x="9193444" y="1852040"/>
                </a:lnTo>
                <a:lnTo>
                  <a:pt x="12001406" y="1852040"/>
                </a:lnTo>
                <a:lnTo>
                  <a:pt x="12001406" y="1671302"/>
                </a:lnTo>
                <a:close/>
                <a:moveTo>
                  <a:pt x="9006666" y="1671302"/>
                </a:moveTo>
                <a:lnTo>
                  <a:pt x="9006666" y="1852040"/>
                </a:lnTo>
                <a:lnTo>
                  <a:pt x="9186244" y="1852040"/>
                </a:lnTo>
                <a:lnTo>
                  <a:pt x="9186244" y="1671302"/>
                </a:lnTo>
                <a:close/>
                <a:moveTo>
                  <a:pt x="6191504" y="1671302"/>
                </a:moveTo>
                <a:lnTo>
                  <a:pt x="6191504" y="1852040"/>
                </a:lnTo>
                <a:lnTo>
                  <a:pt x="8999466" y="1852040"/>
                </a:lnTo>
                <a:lnTo>
                  <a:pt x="8999466" y="1671302"/>
                </a:lnTo>
                <a:close/>
                <a:moveTo>
                  <a:pt x="6006316" y="1671302"/>
                </a:moveTo>
                <a:lnTo>
                  <a:pt x="6006316" y="1852040"/>
                </a:lnTo>
                <a:lnTo>
                  <a:pt x="6184304" y="1852040"/>
                </a:lnTo>
                <a:lnTo>
                  <a:pt x="6184304" y="1671302"/>
                </a:lnTo>
                <a:close/>
                <a:moveTo>
                  <a:pt x="3191152" y="1671302"/>
                </a:moveTo>
                <a:lnTo>
                  <a:pt x="3191152" y="1852040"/>
                </a:lnTo>
                <a:lnTo>
                  <a:pt x="5999116" y="1852040"/>
                </a:lnTo>
                <a:lnTo>
                  <a:pt x="5999116" y="1671302"/>
                </a:lnTo>
                <a:close/>
                <a:moveTo>
                  <a:pt x="3004803" y="1671302"/>
                </a:moveTo>
                <a:lnTo>
                  <a:pt x="3004803" y="1852040"/>
                </a:lnTo>
                <a:lnTo>
                  <a:pt x="3183952" y="1852040"/>
                </a:lnTo>
                <a:lnTo>
                  <a:pt x="3183952" y="1671302"/>
                </a:lnTo>
                <a:close/>
                <a:moveTo>
                  <a:pt x="190221" y="1671302"/>
                </a:moveTo>
                <a:lnTo>
                  <a:pt x="190221" y="1852040"/>
                </a:lnTo>
                <a:lnTo>
                  <a:pt x="2997602" y="1852040"/>
                </a:lnTo>
                <a:lnTo>
                  <a:pt x="2997602" y="1671302"/>
                </a:lnTo>
                <a:close/>
                <a:moveTo>
                  <a:pt x="9193444" y="190219"/>
                </a:moveTo>
                <a:lnTo>
                  <a:pt x="9193444" y="1664102"/>
                </a:lnTo>
                <a:lnTo>
                  <a:pt x="12001406" y="1664102"/>
                </a:lnTo>
                <a:lnTo>
                  <a:pt x="12001406" y="190219"/>
                </a:lnTo>
                <a:close/>
                <a:moveTo>
                  <a:pt x="9006666" y="190219"/>
                </a:moveTo>
                <a:lnTo>
                  <a:pt x="9006666" y="1664102"/>
                </a:lnTo>
                <a:lnTo>
                  <a:pt x="9186244" y="1664102"/>
                </a:lnTo>
                <a:lnTo>
                  <a:pt x="9186244" y="190219"/>
                </a:lnTo>
                <a:close/>
                <a:moveTo>
                  <a:pt x="6191504" y="190219"/>
                </a:moveTo>
                <a:lnTo>
                  <a:pt x="6191504" y="1664102"/>
                </a:lnTo>
                <a:lnTo>
                  <a:pt x="8999466" y="1664102"/>
                </a:lnTo>
                <a:lnTo>
                  <a:pt x="8999466" y="190219"/>
                </a:lnTo>
                <a:close/>
                <a:moveTo>
                  <a:pt x="6006316" y="190219"/>
                </a:moveTo>
                <a:lnTo>
                  <a:pt x="6006316" y="1664102"/>
                </a:lnTo>
                <a:lnTo>
                  <a:pt x="6184304" y="1664102"/>
                </a:lnTo>
                <a:lnTo>
                  <a:pt x="6184304" y="190219"/>
                </a:lnTo>
                <a:close/>
                <a:moveTo>
                  <a:pt x="3191152" y="190219"/>
                </a:moveTo>
                <a:lnTo>
                  <a:pt x="3191152" y="1664102"/>
                </a:lnTo>
                <a:lnTo>
                  <a:pt x="5999116" y="1664102"/>
                </a:lnTo>
                <a:lnTo>
                  <a:pt x="5999116" y="190219"/>
                </a:lnTo>
                <a:close/>
                <a:moveTo>
                  <a:pt x="3004803" y="190219"/>
                </a:moveTo>
                <a:lnTo>
                  <a:pt x="3004803" y="1664102"/>
                </a:lnTo>
                <a:lnTo>
                  <a:pt x="3183952" y="1664102"/>
                </a:lnTo>
                <a:lnTo>
                  <a:pt x="3183952" y="190219"/>
                </a:lnTo>
                <a:close/>
                <a:moveTo>
                  <a:pt x="190221" y="190219"/>
                </a:moveTo>
                <a:lnTo>
                  <a:pt x="190221" y="1664102"/>
                </a:lnTo>
                <a:lnTo>
                  <a:pt x="2997602" y="1664102"/>
                </a:lnTo>
                <a:lnTo>
                  <a:pt x="2997602" y="190219"/>
                </a:lnTo>
                <a:close/>
                <a:moveTo>
                  <a:pt x="183021" y="0"/>
                </a:moveTo>
                <a:lnTo>
                  <a:pt x="190221" y="0"/>
                </a:lnTo>
                <a:lnTo>
                  <a:pt x="190221" y="183019"/>
                </a:lnTo>
                <a:lnTo>
                  <a:pt x="2997602" y="183019"/>
                </a:lnTo>
                <a:lnTo>
                  <a:pt x="2997602" y="0"/>
                </a:lnTo>
                <a:lnTo>
                  <a:pt x="3004803" y="0"/>
                </a:lnTo>
                <a:lnTo>
                  <a:pt x="3004803" y="183019"/>
                </a:lnTo>
                <a:lnTo>
                  <a:pt x="3183952" y="183019"/>
                </a:lnTo>
                <a:lnTo>
                  <a:pt x="3183952" y="0"/>
                </a:lnTo>
                <a:lnTo>
                  <a:pt x="3191152" y="0"/>
                </a:lnTo>
                <a:lnTo>
                  <a:pt x="3191152" y="183019"/>
                </a:lnTo>
                <a:lnTo>
                  <a:pt x="5999116" y="183019"/>
                </a:lnTo>
                <a:lnTo>
                  <a:pt x="5999116" y="0"/>
                </a:lnTo>
                <a:lnTo>
                  <a:pt x="6006316" y="0"/>
                </a:lnTo>
                <a:lnTo>
                  <a:pt x="6006316" y="183019"/>
                </a:lnTo>
                <a:lnTo>
                  <a:pt x="6184304" y="183019"/>
                </a:lnTo>
                <a:lnTo>
                  <a:pt x="6184304" y="0"/>
                </a:lnTo>
                <a:lnTo>
                  <a:pt x="6191504" y="0"/>
                </a:lnTo>
                <a:lnTo>
                  <a:pt x="6191504" y="183019"/>
                </a:lnTo>
                <a:lnTo>
                  <a:pt x="8999466" y="183019"/>
                </a:lnTo>
                <a:lnTo>
                  <a:pt x="8999466" y="0"/>
                </a:lnTo>
                <a:lnTo>
                  <a:pt x="9006666" y="0"/>
                </a:lnTo>
                <a:lnTo>
                  <a:pt x="9006666" y="183019"/>
                </a:lnTo>
                <a:lnTo>
                  <a:pt x="9186244" y="183019"/>
                </a:lnTo>
                <a:lnTo>
                  <a:pt x="9186244" y="1"/>
                </a:lnTo>
                <a:lnTo>
                  <a:pt x="9193444" y="1"/>
                </a:lnTo>
                <a:lnTo>
                  <a:pt x="9193444" y="183019"/>
                </a:lnTo>
                <a:lnTo>
                  <a:pt x="12001406" y="183019"/>
                </a:lnTo>
                <a:lnTo>
                  <a:pt x="12001406" y="1"/>
                </a:lnTo>
                <a:lnTo>
                  <a:pt x="12008606" y="1"/>
                </a:lnTo>
                <a:lnTo>
                  <a:pt x="12008606" y="183019"/>
                </a:lnTo>
                <a:lnTo>
                  <a:pt x="12193200" y="183019"/>
                </a:lnTo>
                <a:lnTo>
                  <a:pt x="12193200" y="190219"/>
                </a:lnTo>
                <a:lnTo>
                  <a:pt x="12008606" y="190219"/>
                </a:lnTo>
                <a:lnTo>
                  <a:pt x="12008606" y="1664102"/>
                </a:lnTo>
                <a:lnTo>
                  <a:pt x="12193200" y="1664102"/>
                </a:lnTo>
                <a:lnTo>
                  <a:pt x="12193200" y="1671302"/>
                </a:lnTo>
                <a:lnTo>
                  <a:pt x="12008606" y="1671302"/>
                </a:lnTo>
                <a:lnTo>
                  <a:pt x="12008606" y="1852040"/>
                </a:lnTo>
                <a:lnTo>
                  <a:pt x="12193200" y="1852040"/>
                </a:lnTo>
                <a:lnTo>
                  <a:pt x="12193200" y="1859240"/>
                </a:lnTo>
                <a:lnTo>
                  <a:pt x="12008606" y="1859240"/>
                </a:lnTo>
                <a:lnTo>
                  <a:pt x="12008606" y="3332115"/>
                </a:lnTo>
                <a:lnTo>
                  <a:pt x="12193200" y="3332115"/>
                </a:lnTo>
                <a:lnTo>
                  <a:pt x="12193200" y="3339315"/>
                </a:lnTo>
                <a:lnTo>
                  <a:pt x="12008606" y="3339315"/>
                </a:lnTo>
                <a:lnTo>
                  <a:pt x="12008606" y="3517303"/>
                </a:lnTo>
                <a:lnTo>
                  <a:pt x="12193200" y="3517303"/>
                </a:lnTo>
                <a:lnTo>
                  <a:pt x="12193200" y="3524503"/>
                </a:lnTo>
                <a:lnTo>
                  <a:pt x="12008606" y="3524503"/>
                </a:lnTo>
                <a:lnTo>
                  <a:pt x="12008606" y="4998966"/>
                </a:lnTo>
                <a:lnTo>
                  <a:pt x="12193200" y="4998966"/>
                </a:lnTo>
                <a:lnTo>
                  <a:pt x="12193200" y="5006166"/>
                </a:lnTo>
                <a:lnTo>
                  <a:pt x="12008606" y="5006166"/>
                </a:lnTo>
                <a:lnTo>
                  <a:pt x="12008606" y="5185743"/>
                </a:lnTo>
                <a:lnTo>
                  <a:pt x="12193200" y="5185743"/>
                </a:lnTo>
                <a:lnTo>
                  <a:pt x="12193200" y="5192943"/>
                </a:lnTo>
                <a:lnTo>
                  <a:pt x="12008606" y="5192943"/>
                </a:lnTo>
                <a:lnTo>
                  <a:pt x="12008606" y="6668993"/>
                </a:lnTo>
                <a:lnTo>
                  <a:pt x="12193200" y="6668993"/>
                </a:lnTo>
                <a:lnTo>
                  <a:pt x="12193200" y="6676193"/>
                </a:lnTo>
                <a:lnTo>
                  <a:pt x="12008606" y="6676193"/>
                </a:lnTo>
                <a:lnTo>
                  <a:pt x="12008606" y="6857999"/>
                </a:lnTo>
                <a:lnTo>
                  <a:pt x="12001406" y="6857999"/>
                </a:lnTo>
                <a:lnTo>
                  <a:pt x="12001406" y="6676193"/>
                </a:lnTo>
                <a:lnTo>
                  <a:pt x="9193444" y="6676193"/>
                </a:lnTo>
                <a:lnTo>
                  <a:pt x="9193444" y="6857999"/>
                </a:lnTo>
                <a:lnTo>
                  <a:pt x="9186244" y="6857999"/>
                </a:lnTo>
                <a:lnTo>
                  <a:pt x="9186244" y="6676193"/>
                </a:lnTo>
                <a:lnTo>
                  <a:pt x="9006666" y="6676193"/>
                </a:lnTo>
                <a:lnTo>
                  <a:pt x="9006666" y="6857999"/>
                </a:lnTo>
                <a:lnTo>
                  <a:pt x="8999466" y="6857999"/>
                </a:lnTo>
                <a:lnTo>
                  <a:pt x="8999466" y="6676193"/>
                </a:lnTo>
                <a:lnTo>
                  <a:pt x="6191504" y="6676193"/>
                </a:lnTo>
                <a:lnTo>
                  <a:pt x="6191504" y="6857999"/>
                </a:lnTo>
                <a:lnTo>
                  <a:pt x="6184304" y="6857999"/>
                </a:lnTo>
                <a:lnTo>
                  <a:pt x="6184304" y="6676193"/>
                </a:lnTo>
                <a:lnTo>
                  <a:pt x="6006316" y="6676193"/>
                </a:lnTo>
                <a:lnTo>
                  <a:pt x="6006316" y="6857999"/>
                </a:lnTo>
                <a:lnTo>
                  <a:pt x="5999116" y="6857999"/>
                </a:lnTo>
                <a:lnTo>
                  <a:pt x="5999116" y="6676193"/>
                </a:lnTo>
                <a:lnTo>
                  <a:pt x="3191152" y="6676193"/>
                </a:lnTo>
                <a:lnTo>
                  <a:pt x="3191152" y="6857999"/>
                </a:lnTo>
                <a:lnTo>
                  <a:pt x="3183952" y="6857999"/>
                </a:lnTo>
                <a:lnTo>
                  <a:pt x="3183952" y="6676193"/>
                </a:lnTo>
                <a:lnTo>
                  <a:pt x="3004803" y="6676193"/>
                </a:lnTo>
                <a:lnTo>
                  <a:pt x="3004803" y="6857999"/>
                </a:lnTo>
                <a:lnTo>
                  <a:pt x="2997602" y="6857999"/>
                </a:lnTo>
                <a:lnTo>
                  <a:pt x="2997602" y="6676193"/>
                </a:lnTo>
                <a:lnTo>
                  <a:pt x="190221" y="6676193"/>
                </a:lnTo>
                <a:lnTo>
                  <a:pt x="190221" y="6857999"/>
                </a:lnTo>
                <a:lnTo>
                  <a:pt x="183021" y="6857999"/>
                </a:lnTo>
                <a:lnTo>
                  <a:pt x="183021" y="6676193"/>
                </a:lnTo>
                <a:lnTo>
                  <a:pt x="0" y="6676193"/>
                </a:lnTo>
                <a:lnTo>
                  <a:pt x="0" y="6668993"/>
                </a:lnTo>
                <a:lnTo>
                  <a:pt x="183021" y="6668993"/>
                </a:lnTo>
                <a:lnTo>
                  <a:pt x="183021" y="5192943"/>
                </a:lnTo>
                <a:lnTo>
                  <a:pt x="0" y="5192943"/>
                </a:lnTo>
                <a:lnTo>
                  <a:pt x="0" y="5185743"/>
                </a:lnTo>
                <a:lnTo>
                  <a:pt x="183021" y="5185743"/>
                </a:lnTo>
                <a:lnTo>
                  <a:pt x="183021" y="5006166"/>
                </a:lnTo>
                <a:lnTo>
                  <a:pt x="1" y="5006166"/>
                </a:lnTo>
                <a:lnTo>
                  <a:pt x="1" y="4998966"/>
                </a:lnTo>
                <a:lnTo>
                  <a:pt x="183021" y="4998966"/>
                </a:lnTo>
                <a:lnTo>
                  <a:pt x="183021" y="3524503"/>
                </a:lnTo>
                <a:lnTo>
                  <a:pt x="1" y="3524503"/>
                </a:lnTo>
                <a:lnTo>
                  <a:pt x="1" y="3517303"/>
                </a:lnTo>
                <a:lnTo>
                  <a:pt x="183021" y="3517303"/>
                </a:lnTo>
                <a:lnTo>
                  <a:pt x="183021" y="3339315"/>
                </a:lnTo>
                <a:lnTo>
                  <a:pt x="1" y="3339315"/>
                </a:lnTo>
                <a:lnTo>
                  <a:pt x="1" y="3332115"/>
                </a:lnTo>
                <a:lnTo>
                  <a:pt x="183021" y="3332115"/>
                </a:lnTo>
                <a:lnTo>
                  <a:pt x="183021" y="1859240"/>
                </a:lnTo>
                <a:lnTo>
                  <a:pt x="1" y="1859240"/>
                </a:lnTo>
                <a:lnTo>
                  <a:pt x="1" y="1852040"/>
                </a:lnTo>
                <a:lnTo>
                  <a:pt x="183021" y="1852040"/>
                </a:lnTo>
                <a:lnTo>
                  <a:pt x="183021" y="1671302"/>
                </a:lnTo>
                <a:lnTo>
                  <a:pt x="1" y="1671302"/>
                </a:lnTo>
                <a:lnTo>
                  <a:pt x="1" y="1664102"/>
                </a:lnTo>
                <a:lnTo>
                  <a:pt x="183021" y="1664102"/>
                </a:lnTo>
                <a:lnTo>
                  <a:pt x="183021" y="190219"/>
                </a:lnTo>
                <a:lnTo>
                  <a:pt x="1" y="190219"/>
                </a:lnTo>
                <a:lnTo>
                  <a:pt x="1" y="183019"/>
                </a:lnTo>
                <a:lnTo>
                  <a:pt x="183021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dirty="0"/>
          </a:p>
        </p:txBody>
      </p:sp>
      <p:sp>
        <p:nvSpPr>
          <p:cNvPr id="9" name="Logo">
            <a:extLst>
              <a:ext uri="{FF2B5EF4-FFF2-40B4-BE49-F238E27FC236}">
                <a16:creationId xmlns:a16="http://schemas.microsoft.com/office/drawing/2014/main" id="{F065CCFB-AEB8-FC9C-7290-5BFE3F24F2EE}"/>
              </a:ext>
            </a:extLst>
          </p:cNvPr>
          <p:cNvSpPr/>
          <p:nvPr userDrawn="1"/>
        </p:nvSpPr>
        <p:spPr bwMode="white">
          <a:xfrm>
            <a:off x="3402151" y="1859681"/>
            <a:ext cx="5600562" cy="852381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4" name="Web">
            <a:extLst>
              <a:ext uri="{FF2B5EF4-FFF2-40B4-BE49-F238E27FC236}">
                <a16:creationId xmlns:a16="http://schemas.microsoft.com/office/drawing/2014/main" id="{559B566B-FF51-B6E9-46D9-4F51291708A7}"/>
              </a:ext>
            </a:extLst>
          </p:cNvPr>
          <p:cNvSpPr txBox="1"/>
          <p:nvPr userDrawn="1"/>
        </p:nvSpPr>
        <p:spPr bwMode="white">
          <a:xfrm>
            <a:off x="3375025" y="4871040"/>
            <a:ext cx="2627313" cy="169277"/>
          </a:xfrm>
          <a:prstGeom prst="rect">
            <a:avLst/>
          </a:prstGeom>
          <a:noFill/>
        </p:spPr>
        <p:txBody>
          <a:bodyPr wrap="square" lIns="72000" tIns="0" rIns="0" bIns="0" rtlCol="0">
            <a:spAutoFit/>
          </a:bodyPr>
          <a:lstStyle/>
          <a:p>
            <a:r>
              <a:rPr lang="en-GB" sz="1100" dirty="0">
                <a:solidFill>
                  <a:schemeClr val="tx1"/>
                </a:solidFill>
              </a:rPr>
              <a:t>Netcompany.com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E7BC7154-1016-99A8-C0CF-7C4527AB66F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3375025" y="3335338"/>
            <a:ext cx="2625725" cy="1174127"/>
          </a:xfrm>
        </p:spPr>
        <p:txBody>
          <a:bodyPr lIns="72000" tIns="144000" bIns="0"/>
          <a:lstStyle>
            <a:lvl1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None/>
              <a:defRPr sz="1100" b="0">
                <a:solidFill>
                  <a:schemeClr val="tx1"/>
                </a:solidFill>
              </a:defRPr>
            </a:lvl1pPr>
            <a:lvl2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None/>
              <a:defRPr sz="1100" b="0">
                <a:solidFill>
                  <a:schemeClr val="tx1"/>
                </a:solidFill>
              </a:defRPr>
            </a:lvl2pPr>
            <a:lvl3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None/>
              <a:defRPr sz="1100" b="0">
                <a:solidFill>
                  <a:schemeClr val="tx1"/>
                </a:solidFill>
              </a:defRPr>
            </a:lvl3pPr>
            <a:lvl4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4pPr>
            <a:lvl5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5pPr>
            <a:lvl6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6pPr>
            <a:lvl7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7pPr>
            <a:lvl8pPr marL="0" indent="0">
              <a:lnSpc>
                <a:spcPct val="118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11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insert contact info</a:t>
            </a:r>
            <a:br>
              <a:rPr lang="en-GB" dirty="0"/>
            </a:br>
            <a:r>
              <a:rPr lang="en-GB" dirty="0"/>
              <a:t>Name</a:t>
            </a:r>
            <a:br>
              <a:rPr lang="en-GB" dirty="0"/>
            </a:br>
            <a:r>
              <a:rPr lang="en-GB" dirty="0"/>
              <a:t>Title</a:t>
            </a:r>
            <a:br>
              <a:rPr lang="en-GB" dirty="0"/>
            </a:br>
            <a:r>
              <a:rPr lang="en-GB" dirty="0"/>
              <a:t>Email</a:t>
            </a:r>
            <a:br>
              <a:rPr lang="en-GB" dirty="0"/>
            </a:br>
            <a:r>
              <a:rPr lang="en-GB" dirty="0"/>
              <a:t>Phon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AA93690-B712-79F0-15AE-DD3CAD0A960E}"/>
              </a:ext>
            </a:extLst>
          </p:cNvPr>
          <p:cNvSpPr/>
          <p:nvPr userDrawn="1"/>
        </p:nvSpPr>
        <p:spPr>
          <a:xfrm>
            <a:off x="2999775" y="1670051"/>
            <a:ext cx="187925" cy="35179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2007687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050">
          <p15:clr>
            <a:srgbClr val="A4A3A4"/>
          </p15:clr>
        </p15:guide>
        <p15:guide id="2" orient="horz" pos="1168">
          <p15:clr>
            <a:srgbClr val="A4A3A4"/>
          </p15:clr>
        </p15:guide>
        <p15:guide id="3" orient="horz" pos="2101">
          <p15:clr>
            <a:srgbClr val="A4A3A4"/>
          </p15:clr>
        </p15:guide>
        <p15:guide id="4" orient="horz" pos="2218">
          <p15:clr>
            <a:srgbClr val="A4A3A4"/>
          </p15:clr>
        </p15:guide>
        <p15:guide id="5" orient="horz" pos="3151">
          <p15:clr>
            <a:srgbClr val="A4A3A4"/>
          </p15:clr>
        </p15:guide>
        <p15:guide id="6" orient="horz" pos="3269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two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85739" y="1438275"/>
            <a:ext cx="5816600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5999" y="1438276"/>
            <a:ext cx="5818675" cy="4562476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righ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7AD19EA5-3B18-CAB3-5725-B4717126ABC9}"/>
              </a:ext>
            </a:extLst>
          </p:cNvPr>
          <p:cNvSpPr/>
          <p:nvPr userDrawn="1"/>
        </p:nvSpPr>
        <p:spPr>
          <a:xfrm>
            <a:off x="6188074" y="0"/>
            <a:ext cx="6005125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rm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9" name="Grid - green">
            <a:extLst>
              <a:ext uri="{FF2B5EF4-FFF2-40B4-BE49-F238E27FC236}">
                <a16:creationId xmlns:a16="http://schemas.microsoft.com/office/drawing/2014/main" id="{A5369962-7EA9-80F6-F699-6D0DE4C07EF1}"/>
              </a:ext>
            </a:extLst>
          </p:cNvPr>
          <p:cNvSpPr/>
          <p:nvPr userDrawn="1"/>
        </p:nvSpPr>
        <p:spPr>
          <a:xfrm flipH="1">
            <a:off x="6188075" y="0"/>
            <a:ext cx="6005125" cy="6858000"/>
          </a:xfrm>
          <a:custGeom>
            <a:avLst/>
            <a:gdLst>
              <a:gd name="connsiteX0" fmla="*/ 189969 w 6005125"/>
              <a:gd name="connsiteY0" fmla="*/ 0 h 6858000"/>
              <a:gd name="connsiteX1" fmla="*/ 182769 w 6005125"/>
              <a:gd name="connsiteY1" fmla="*/ 0 h 6858000"/>
              <a:gd name="connsiteX2" fmla="*/ 182769 w 6005125"/>
              <a:gd name="connsiteY2" fmla="*/ 183019 h 6858000"/>
              <a:gd name="connsiteX3" fmla="*/ 0 w 6005125"/>
              <a:gd name="connsiteY3" fmla="*/ 183019 h 6858000"/>
              <a:gd name="connsiteX4" fmla="*/ 0 w 6005125"/>
              <a:gd name="connsiteY4" fmla="*/ 190219 h 6858000"/>
              <a:gd name="connsiteX5" fmla="*/ 182769 w 6005125"/>
              <a:gd name="connsiteY5" fmla="*/ 190219 h 6858000"/>
              <a:gd name="connsiteX6" fmla="*/ 182769 w 6005125"/>
              <a:gd name="connsiteY6" fmla="*/ 6667781 h 6858000"/>
              <a:gd name="connsiteX7" fmla="*/ 0 w 6005125"/>
              <a:gd name="connsiteY7" fmla="*/ 6667781 h 6858000"/>
              <a:gd name="connsiteX8" fmla="*/ 0 w 6005125"/>
              <a:gd name="connsiteY8" fmla="*/ 6674981 h 6858000"/>
              <a:gd name="connsiteX9" fmla="*/ 182769 w 6005125"/>
              <a:gd name="connsiteY9" fmla="*/ 6674981 h 6858000"/>
              <a:gd name="connsiteX10" fmla="*/ 182769 w 6005125"/>
              <a:gd name="connsiteY10" fmla="*/ 6858000 h 6858000"/>
              <a:gd name="connsiteX11" fmla="*/ 189969 w 6005125"/>
              <a:gd name="connsiteY11" fmla="*/ 6858000 h 6858000"/>
              <a:gd name="connsiteX12" fmla="*/ 189969 w 6005125"/>
              <a:gd name="connsiteY12" fmla="*/ 6674981 h 6858000"/>
              <a:gd name="connsiteX13" fmla="*/ 6005125 w 6005125"/>
              <a:gd name="connsiteY13" fmla="*/ 6674981 h 6858000"/>
              <a:gd name="connsiteX14" fmla="*/ 6005125 w 6005125"/>
              <a:gd name="connsiteY14" fmla="*/ 6667781 h 6858000"/>
              <a:gd name="connsiteX15" fmla="*/ 189969 w 6005125"/>
              <a:gd name="connsiteY15" fmla="*/ 6667781 h 6858000"/>
              <a:gd name="connsiteX16" fmla="*/ 189969 w 6005125"/>
              <a:gd name="connsiteY16" fmla="*/ 190219 h 6858000"/>
              <a:gd name="connsiteX17" fmla="*/ 6005125 w 6005125"/>
              <a:gd name="connsiteY17" fmla="*/ 190219 h 6858000"/>
              <a:gd name="connsiteX18" fmla="*/ 6005125 w 6005125"/>
              <a:gd name="connsiteY18" fmla="*/ 183019 h 6858000"/>
              <a:gd name="connsiteX19" fmla="*/ 189969 w 6005125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5125" h="6858000">
                <a:moveTo>
                  <a:pt x="189969" y="0"/>
                </a:moveTo>
                <a:lnTo>
                  <a:pt x="182769" y="0"/>
                </a:lnTo>
                <a:lnTo>
                  <a:pt x="182769" y="183019"/>
                </a:lnTo>
                <a:lnTo>
                  <a:pt x="0" y="183019"/>
                </a:lnTo>
                <a:lnTo>
                  <a:pt x="0" y="190219"/>
                </a:lnTo>
                <a:lnTo>
                  <a:pt x="182769" y="190219"/>
                </a:lnTo>
                <a:lnTo>
                  <a:pt x="182769" y="6667781"/>
                </a:lnTo>
                <a:lnTo>
                  <a:pt x="0" y="6667781"/>
                </a:lnTo>
                <a:lnTo>
                  <a:pt x="0" y="6674981"/>
                </a:lnTo>
                <a:lnTo>
                  <a:pt x="182769" y="6674981"/>
                </a:lnTo>
                <a:lnTo>
                  <a:pt x="182769" y="6858000"/>
                </a:lnTo>
                <a:lnTo>
                  <a:pt x="189969" y="6858000"/>
                </a:lnTo>
                <a:lnTo>
                  <a:pt x="189969" y="6674981"/>
                </a:lnTo>
                <a:lnTo>
                  <a:pt x="6005125" y="6674981"/>
                </a:lnTo>
                <a:lnTo>
                  <a:pt x="6005125" y="6667781"/>
                </a:lnTo>
                <a:lnTo>
                  <a:pt x="189969" y="6667781"/>
                </a:lnTo>
                <a:lnTo>
                  <a:pt x="189969" y="190219"/>
                </a:lnTo>
                <a:lnTo>
                  <a:pt x="6005125" y="190219"/>
                </a:lnTo>
                <a:lnTo>
                  <a:pt x="6005125" y="183019"/>
                </a:lnTo>
                <a:lnTo>
                  <a:pt x="189969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85626F37-E63E-10B6-D303-FA948D10A0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85738" y="185737"/>
            <a:ext cx="5816599" cy="9477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7F4DBB5-A82F-1751-7F85-F307A3EEB3D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85738" y="1368000"/>
            <a:ext cx="5818622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6372225" y="185737"/>
            <a:ext cx="5632450" cy="6484938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5641180" y="6474619"/>
            <a:ext cx="358369" cy="19605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5358789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lef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7AD19EA5-3B18-CAB3-5725-B4717126ABC9}"/>
              </a:ext>
            </a:extLst>
          </p:cNvPr>
          <p:cNvSpPr/>
          <p:nvPr userDrawn="1"/>
        </p:nvSpPr>
        <p:spPr>
          <a:xfrm>
            <a:off x="0" y="0"/>
            <a:ext cx="6002338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Grid - green">
            <a:extLst>
              <a:ext uri="{FF2B5EF4-FFF2-40B4-BE49-F238E27FC236}">
                <a16:creationId xmlns:a16="http://schemas.microsoft.com/office/drawing/2014/main" id="{05BF75E0-A427-C0B0-4525-2E35D6CCE6E1}"/>
              </a:ext>
            </a:extLst>
          </p:cNvPr>
          <p:cNvSpPr>
            <a:spLocks/>
          </p:cNvSpPr>
          <p:nvPr userDrawn="1"/>
        </p:nvSpPr>
        <p:spPr>
          <a:xfrm>
            <a:off x="0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2" name="Logo">
            <a:extLst>
              <a:ext uri="{FF2B5EF4-FFF2-40B4-BE49-F238E27FC236}">
                <a16:creationId xmlns:a16="http://schemas.microsoft.com/office/drawing/2014/main" id="{19F4AB5E-E829-B15C-73E8-1CE3DB7AFC28}"/>
              </a:ext>
            </a:extLst>
          </p:cNvPr>
          <p:cNvSpPr/>
          <p:nvPr userDrawn="1"/>
        </p:nvSpPr>
        <p:spPr bwMode="white">
          <a:xfrm>
            <a:off x="6190695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bg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F5C14E4-676F-C93B-99CF-28C01107F7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187263" y="185737"/>
            <a:ext cx="5817412" cy="9477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7F4DBB5-A82F-1751-7F85-F307A3EEB3D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188461" y="1368000"/>
            <a:ext cx="5817413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86123" y="185737"/>
            <a:ext cx="5624127" cy="6484938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4313" y="6474619"/>
            <a:ext cx="360361" cy="19605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4933833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box conten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s">
            <a:extLst>
              <a:ext uri="{FF2B5EF4-FFF2-40B4-BE49-F238E27FC236}">
                <a16:creationId xmlns:a16="http://schemas.microsoft.com/office/drawing/2014/main" id="{7AD19EA5-3B18-CAB3-5725-B4717126ABC9}"/>
              </a:ext>
            </a:extLst>
          </p:cNvPr>
          <p:cNvSpPr/>
          <p:nvPr userDrawn="1"/>
        </p:nvSpPr>
        <p:spPr>
          <a:xfrm>
            <a:off x="6188076" y="0"/>
            <a:ext cx="6005124" cy="6861600"/>
          </a:xfrm>
          <a:prstGeom prst="rect">
            <a:avLst/>
          </a:prstGeom>
          <a:solidFill>
            <a:srgbClr val="1238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Grid green">
            <a:extLst>
              <a:ext uri="{FF2B5EF4-FFF2-40B4-BE49-F238E27FC236}">
                <a16:creationId xmlns:a16="http://schemas.microsoft.com/office/drawing/2014/main" id="{2DC3DDB4-A10B-CBD4-72FE-57433D5A497A}"/>
              </a:ext>
            </a:extLst>
          </p:cNvPr>
          <p:cNvSpPr/>
          <p:nvPr userDrawn="1"/>
        </p:nvSpPr>
        <p:spPr>
          <a:xfrm flipH="1">
            <a:off x="6188075" y="0"/>
            <a:ext cx="6005125" cy="6858000"/>
          </a:xfrm>
          <a:custGeom>
            <a:avLst/>
            <a:gdLst>
              <a:gd name="connsiteX0" fmla="*/ 189969 w 6005125"/>
              <a:gd name="connsiteY0" fmla="*/ 0 h 6858000"/>
              <a:gd name="connsiteX1" fmla="*/ 182769 w 6005125"/>
              <a:gd name="connsiteY1" fmla="*/ 0 h 6858000"/>
              <a:gd name="connsiteX2" fmla="*/ 182769 w 6005125"/>
              <a:gd name="connsiteY2" fmla="*/ 183019 h 6858000"/>
              <a:gd name="connsiteX3" fmla="*/ 0 w 6005125"/>
              <a:gd name="connsiteY3" fmla="*/ 183019 h 6858000"/>
              <a:gd name="connsiteX4" fmla="*/ 0 w 6005125"/>
              <a:gd name="connsiteY4" fmla="*/ 190219 h 6858000"/>
              <a:gd name="connsiteX5" fmla="*/ 182769 w 6005125"/>
              <a:gd name="connsiteY5" fmla="*/ 190219 h 6858000"/>
              <a:gd name="connsiteX6" fmla="*/ 182769 w 6005125"/>
              <a:gd name="connsiteY6" fmla="*/ 6667781 h 6858000"/>
              <a:gd name="connsiteX7" fmla="*/ 0 w 6005125"/>
              <a:gd name="connsiteY7" fmla="*/ 6667781 h 6858000"/>
              <a:gd name="connsiteX8" fmla="*/ 0 w 6005125"/>
              <a:gd name="connsiteY8" fmla="*/ 6674981 h 6858000"/>
              <a:gd name="connsiteX9" fmla="*/ 182769 w 6005125"/>
              <a:gd name="connsiteY9" fmla="*/ 6674981 h 6858000"/>
              <a:gd name="connsiteX10" fmla="*/ 182769 w 6005125"/>
              <a:gd name="connsiteY10" fmla="*/ 6858000 h 6858000"/>
              <a:gd name="connsiteX11" fmla="*/ 189969 w 6005125"/>
              <a:gd name="connsiteY11" fmla="*/ 6858000 h 6858000"/>
              <a:gd name="connsiteX12" fmla="*/ 189969 w 6005125"/>
              <a:gd name="connsiteY12" fmla="*/ 6674981 h 6858000"/>
              <a:gd name="connsiteX13" fmla="*/ 6005125 w 6005125"/>
              <a:gd name="connsiteY13" fmla="*/ 6674981 h 6858000"/>
              <a:gd name="connsiteX14" fmla="*/ 6005125 w 6005125"/>
              <a:gd name="connsiteY14" fmla="*/ 6667781 h 6858000"/>
              <a:gd name="connsiteX15" fmla="*/ 189969 w 6005125"/>
              <a:gd name="connsiteY15" fmla="*/ 6667781 h 6858000"/>
              <a:gd name="connsiteX16" fmla="*/ 189969 w 6005125"/>
              <a:gd name="connsiteY16" fmla="*/ 190219 h 6858000"/>
              <a:gd name="connsiteX17" fmla="*/ 6005125 w 6005125"/>
              <a:gd name="connsiteY17" fmla="*/ 190219 h 6858000"/>
              <a:gd name="connsiteX18" fmla="*/ 6005125 w 6005125"/>
              <a:gd name="connsiteY18" fmla="*/ 183019 h 6858000"/>
              <a:gd name="connsiteX19" fmla="*/ 189969 w 6005125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5125" h="6858000">
                <a:moveTo>
                  <a:pt x="189969" y="0"/>
                </a:moveTo>
                <a:lnTo>
                  <a:pt x="182769" y="0"/>
                </a:lnTo>
                <a:lnTo>
                  <a:pt x="182769" y="183019"/>
                </a:lnTo>
                <a:lnTo>
                  <a:pt x="0" y="183019"/>
                </a:lnTo>
                <a:lnTo>
                  <a:pt x="0" y="190219"/>
                </a:lnTo>
                <a:lnTo>
                  <a:pt x="182769" y="190219"/>
                </a:lnTo>
                <a:lnTo>
                  <a:pt x="182769" y="6667781"/>
                </a:lnTo>
                <a:lnTo>
                  <a:pt x="0" y="6667781"/>
                </a:lnTo>
                <a:lnTo>
                  <a:pt x="0" y="6674981"/>
                </a:lnTo>
                <a:lnTo>
                  <a:pt x="182769" y="6674981"/>
                </a:lnTo>
                <a:lnTo>
                  <a:pt x="182769" y="6858000"/>
                </a:lnTo>
                <a:lnTo>
                  <a:pt x="189969" y="6858000"/>
                </a:lnTo>
                <a:lnTo>
                  <a:pt x="189969" y="6674981"/>
                </a:lnTo>
                <a:lnTo>
                  <a:pt x="6005125" y="6674981"/>
                </a:lnTo>
                <a:lnTo>
                  <a:pt x="6005125" y="6667781"/>
                </a:lnTo>
                <a:lnTo>
                  <a:pt x="189969" y="6667781"/>
                </a:lnTo>
                <a:lnTo>
                  <a:pt x="189969" y="190219"/>
                </a:lnTo>
                <a:lnTo>
                  <a:pt x="6005125" y="190219"/>
                </a:lnTo>
                <a:lnTo>
                  <a:pt x="6005125" y="183019"/>
                </a:lnTo>
                <a:lnTo>
                  <a:pt x="189969" y="183019"/>
                </a:lnTo>
                <a:close/>
              </a:path>
            </a:pathLst>
          </a:custGeom>
          <a:solidFill>
            <a:srgbClr val="2A4C4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01CCEB3-1D0B-669D-8181-0D3BF86155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85739" y="185737"/>
            <a:ext cx="5816600" cy="94773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7F4DBB5-A82F-1751-7F85-F307A3EEB3D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85738" y="1368000"/>
            <a:ext cx="5816600" cy="4568400"/>
          </a:xfrm>
        </p:spPr>
        <p:txBody>
          <a:bodyPr>
            <a:norm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GB" dirty="0"/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FB2F7DF0-7CEA-D5D7-EE66-722C15338EE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6394450" y="317499"/>
            <a:ext cx="5607818" cy="335901"/>
          </a:xfrm>
        </p:spPr>
        <p:txBody>
          <a:bodyPr bIns="0"/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</a:defRPr>
            </a:lvl1pPr>
            <a:lvl2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2pPr>
            <a:lvl3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3pPr>
            <a:lvl4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4pPr>
            <a:lvl5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5pPr>
            <a:lvl6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6pPr>
            <a:lvl7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7pPr>
            <a:lvl8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8pPr>
            <a:lvl9pPr marL="0" indent="0">
              <a:lnSpc>
                <a:spcPct val="118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6394449" y="831850"/>
            <a:ext cx="5610225" cy="2153946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AC0B7F01-E700-66EC-81E4-B7DF2C2ABDA4}"/>
              </a:ext>
            </a:extLst>
          </p:cNvPr>
          <p:cNvSpPr>
            <a:spLocks noGrp="1"/>
          </p:cNvSpPr>
          <p:nvPr>
            <p:ph type="subTitle" idx="15" hasCustomPrompt="1"/>
          </p:nvPr>
        </p:nvSpPr>
        <p:spPr bwMode="white">
          <a:xfrm>
            <a:off x="6394450" y="3496323"/>
            <a:ext cx="5607818" cy="335901"/>
          </a:xfrm>
        </p:spPr>
        <p:txBody>
          <a:bodyPr bIns="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1pPr>
            <a:lvl2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2pPr>
            <a:lvl3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3pPr>
            <a:lvl4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4pPr>
            <a:lvl5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5pPr>
            <a:lvl6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6pPr>
            <a:lvl7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7pPr>
            <a:lvl8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8pPr>
            <a:lvl9pPr marL="0" indent="0" algn="l">
              <a:lnSpc>
                <a:spcPct val="100000"/>
              </a:lnSpc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232FE8B0-AB22-0C4F-82D8-41548313399E}"/>
              </a:ext>
            </a:extLst>
          </p:cNvPr>
          <p:cNvSpPr>
            <a:spLocks noGrp="1"/>
          </p:cNvSpPr>
          <p:nvPr>
            <p:ph idx="14" hasCustomPrompt="1"/>
          </p:nvPr>
        </p:nvSpPr>
        <p:spPr bwMode="white">
          <a:xfrm>
            <a:off x="6394446" y="4004258"/>
            <a:ext cx="5610225" cy="2153946"/>
          </a:xfrm>
        </p:spPr>
        <p:txBody>
          <a:bodyPr>
            <a:normAutofit/>
          </a:bodyPr>
          <a:lstStyle>
            <a:lvl1pPr>
              <a:defRPr>
                <a:solidFill>
                  <a:schemeClr val="accent1"/>
                </a:solidFill>
              </a:defRPr>
            </a:lvl1pPr>
            <a:lvl2pPr>
              <a:buClr>
                <a:schemeClr val="accent1"/>
              </a:buClr>
              <a:defRPr>
                <a:solidFill>
                  <a:schemeClr val="accent1"/>
                </a:solidFill>
              </a:defRPr>
            </a:lvl2pPr>
            <a:lvl3pPr>
              <a:buClr>
                <a:schemeClr val="accent1"/>
              </a:buClr>
              <a:defRPr>
                <a:solidFill>
                  <a:schemeClr val="accent1"/>
                </a:solidFill>
              </a:defRPr>
            </a:lvl3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>
                <a:solidFill>
                  <a:schemeClr val="accent1"/>
                </a:solidFill>
              </a:defRPr>
            </a:lvl8pPr>
            <a:lvl9pPr>
              <a:defRPr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6437DD5-16E1-437E-B075-CD02960470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5636419" y="6474619"/>
            <a:ext cx="359818" cy="19605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38257245"/>
      </p:ext>
    </p:extLst>
  </p:cSld>
  <p:clrMapOvr>
    <a:overrideClrMapping bg1="dk1" tx1="lt1" bg2="dk2" tx2="lt2" accent1="l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DA955002-5CC8-78D7-1221-1E18EE113287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870D0240-BC1C-E7A5-31DE-C88F22D656E2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DC33930D-A458-B500-4F1A-8B28FBC71D9D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insert picture</a:t>
              </a:r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69A03C6D-D961-5A25-CAC1-746F6F44134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/>
                <a:t>Click on icon and select image 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4A62FEEF-B7E4-546E-1D4B-E245158BD8D8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D46252E9-7B31-5A10-F5A9-0941688F6B06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Once you have inserted image, right click on it and select option </a:t>
              </a:r>
              <a:br>
                <a:rPr lang="en-GB" sz="1200" b="0" dirty="0"/>
              </a:br>
              <a:r>
                <a:rPr lang="en-GB" sz="1200" b="1" dirty="0"/>
                <a:t>Send to Back</a:t>
              </a:r>
              <a:endParaRPr lang="en-GB" sz="1200" b="0" dirty="0"/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9B4C055B-774F-5F78-24C2-3CA6D1EBB98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change picture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9E5F8DDC-94AB-5A81-A99B-11C7C0B4E2A0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Click on the frame of slide and select picture</a:t>
              </a:r>
              <a:br>
                <a:rPr lang="en-GB" sz="1200" b="0" dirty="0"/>
              </a:br>
              <a:br>
                <a:rPr lang="en-GB" sz="1200" b="0" dirty="0"/>
              </a:br>
              <a:r>
                <a:rPr lang="en-GB" sz="1200" b="0" dirty="0"/>
                <a:t>Once you have selected image right click on it and select option</a:t>
              </a:r>
              <a:br>
                <a:rPr lang="en-GB" sz="1200" b="0" dirty="0"/>
              </a:br>
              <a:r>
                <a:rPr lang="en-GB" sz="1200" b="1" dirty="0"/>
                <a:t>Change picture</a:t>
              </a:r>
              <a:endParaRPr lang="en-GB" sz="1200" b="0" dirty="0"/>
            </a:p>
          </p:txBody>
        </p:sp>
        <p:pic>
          <p:nvPicPr>
            <p:cNvPr id="24" name="Picture 23">
              <a:extLst>
                <a:ext uri="{FF2B5EF4-FFF2-40B4-BE49-F238E27FC236}">
                  <a16:creationId xmlns:a16="http://schemas.microsoft.com/office/drawing/2014/main" id="{6F859BF7-A512-E240-79A7-BDBB5119165C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7" name="Grid - freeform">
            <a:extLst>
              <a:ext uri="{FF2B5EF4-FFF2-40B4-BE49-F238E27FC236}">
                <a16:creationId xmlns:a16="http://schemas.microsoft.com/office/drawing/2014/main" id="{B444B149-BB8E-BFF1-390C-3977CB42094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 flipH="1">
            <a:off x="6189662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4D2505F-FCED-3FF0-1A82-D58A1C318D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85738" y="185737"/>
            <a:ext cx="5818188" cy="94773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85739" y="1368000"/>
            <a:ext cx="5820058" cy="45684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641180" y="6474619"/>
            <a:ext cx="361157" cy="196056"/>
          </a:xfr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085B930F-F28B-87EF-0702-70797890FAB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88075" y="0"/>
            <a:ext cx="6003925" cy="68580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uide">
            <a:extLst>
              <a:ext uri="{FF2B5EF4-FFF2-40B4-BE49-F238E27FC236}">
                <a16:creationId xmlns:a16="http://schemas.microsoft.com/office/drawing/2014/main" id="{894361CA-03BC-4AB9-F896-1620741457C5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2587316" y="-1"/>
            <a:ext cx="2605059" cy="4512011"/>
            <a:chOff x="12587316" y="-1"/>
            <a:chExt cx="2605059" cy="4512011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994B05AD-274B-CE3F-FCA5-B5570D7E6817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12597199" y="524477"/>
              <a:ext cx="725714" cy="664212"/>
            </a:xfrm>
            <a:prstGeom prst="rect">
              <a:avLst/>
            </a:prstGeom>
          </p:spPr>
        </p:pic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3E120558-9782-8DD5-5988-3938639647AD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8400" y="-1"/>
              <a:ext cx="1603003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insert picture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8D4B5719-5EEA-3010-F877-72949F638528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0859"/>
              <a:ext cx="239007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0" dirty="0"/>
                <a:t>Click on icon and select image </a:t>
              </a:r>
            </a:p>
          </p:txBody>
        </p:sp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D536D86F-F069-8970-8128-DD7F743E709A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 rotWithShape="1">
            <a:blip r:embed="rId3"/>
            <a:srcRect t="58157" r="3019" b="37657"/>
            <a:stretch/>
          </p:blipFill>
          <p:spPr>
            <a:xfrm>
              <a:off x="12597199" y="1988288"/>
              <a:ext cx="2559789" cy="279658"/>
            </a:xfrm>
            <a:prstGeom prst="rect">
              <a:avLst/>
            </a:prstGeom>
          </p:spPr>
        </p:pic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561D3B9B-79D8-38AA-80AE-518ACCD6D23F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97199" y="1381404"/>
              <a:ext cx="2559789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Once you have inserted image, right click on it and select option </a:t>
              </a:r>
              <a:br>
                <a:rPr lang="en-GB" sz="1200" b="0" dirty="0"/>
              </a:br>
              <a:r>
                <a:rPr lang="en-GB" sz="1200" b="1" dirty="0"/>
                <a:t>Send to Back</a:t>
              </a:r>
              <a:endParaRPr lang="en-GB" sz="1200" b="0" dirty="0"/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C1C34F95-49DA-6878-C556-32B4633B2D34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656615"/>
              <a:ext cx="1734449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1200" b="1" dirty="0"/>
                <a:t>How to change picture</a:t>
              </a:r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D677E6DC-9FB7-FB48-5B9E-74044B04FC46}"/>
                </a:ext>
              </a:extLst>
            </p:cNvPr>
            <p:cNvSpPr txBox="1">
              <a:spLocks noGrp="1" noRot="1" noMove="1" noResize="1" noEditPoints="1" noAdjustHandles="1" noChangeArrowheads="1" noChangeShapeType="1"/>
            </p:cNvSpPr>
            <p:nvPr userDrawn="1"/>
          </p:nvSpPr>
          <p:spPr>
            <a:xfrm>
              <a:off x="12587316" y="2947475"/>
              <a:ext cx="2390078" cy="110799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200" b="0" dirty="0"/>
                <a:t>Click on the frame of slide and select picture</a:t>
              </a:r>
              <a:br>
                <a:rPr lang="en-GB" sz="1200" b="0" dirty="0"/>
              </a:br>
              <a:br>
                <a:rPr lang="en-GB" sz="1200" b="0" dirty="0"/>
              </a:br>
              <a:r>
                <a:rPr lang="en-GB" sz="1200" b="0" dirty="0"/>
                <a:t>Once you have selected image right click on it and select option</a:t>
              </a:r>
              <a:br>
                <a:rPr lang="en-GB" sz="1200" b="0" dirty="0"/>
              </a:br>
              <a:r>
                <a:rPr lang="en-GB" sz="1200" b="1" dirty="0"/>
                <a:t>Change picture</a:t>
              </a:r>
              <a:endParaRPr lang="en-GB" sz="1200" b="0" dirty="0"/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9604CF77-8966-45D3-7D8E-9B77E4061EE9}"/>
                </a:ext>
              </a:extLst>
            </p:cNvPr>
            <p:cNvPicPr>
              <a:picLocks noGrp="1" noRot="1" noMove="1" noResize="1" noEditPoints="1" noAdjustHandles="1" noChangeArrowheads="1" noChangeShapeType="1" noCrop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12595999" y="4158512"/>
              <a:ext cx="2596376" cy="353498"/>
            </a:xfrm>
            <a:prstGeom prst="rect">
              <a:avLst/>
            </a:prstGeom>
          </p:spPr>
        </p:pic>
      </p:grpSp>
      <p:sp>
        <p:nvSpPr>
          <p:cNvPr id="13" name="Grid - freeform">
            <a:extLst>
              <a:ext uri="{FF2B5EF4-FFF2-40B4-BE49-F238E27FC236}">
                <a16:creationId xmlns:a16="http://schemas.microsoft.com/office/drawing/2014/main" id="{CC31F8C7-5256-2C8F-D2FD-E4E589CA2B3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0" y="0"/>
            <a:ext cx="6002338" cy="6858000"/>
          </a:xfrm>
          <a:custGeom>
            <a:avLst/>
            <a:gdLst>
              <a:gd name="connsiteX0" fmla="*/ 183018 w 6002338"/>
              <a:gd name="connsiteY0" fmla="*/ 0 h 6858000"/>
              <a:gd name="connsiteX1" fmla="*/ 190218 w 6002338"/>
              <a:gd name="connsiteY1" fmla="*/ 0 h 6858000"/>
              <a:gd name="connsiteX2" fmla="*/ 190218 w 6002338"/>
              <a:gd name="connsiteY2" fmla="*/ 183019 h 6858000"/>
              <a:gd name="connsiteX3" fmla="*/ 6002338 w 6002338"/>
              <a:gd name="connsiteY3" fmla="*/ 183019 h 6858000"/>
              <a:gd name="connsiteX4" fmla="*/ 6002338 w 6002338"/>
              <a:gd name="connsiteY4" fmla="*/ 190219 h 6858000"/>
              <a:gd name="connsiteX5" fmla="*/ 190218 w 6002338"/>
              <a:gd name="connsiteY5" fmla="*/ 190219 h 6858000"/>
              <a:gd name="connsiteX6" fmla="*/ 190218 w 6002338"/>
              <a:gd name="connsiteY6" fmla="*/ 6667781 h 6858000"/>
              <a:gd name="connsiteX7" fmla="*/ 6002338 w 6002338"/>
              <a:gd name="connsiteY7" fmla="*/ 6667781 h 6858000"/>
              <a:gd name="connsiteX8" fmla="*/ 6002338 w 6002338"/>
              <a:gd name="connsiteY8" fmla="*/ 6674981 h 6858000"/>
              <a:gd name="connsiteX9" fmla="*/ 190218 w 6002338"/>
              <a:gd name="connsiteY9" fmla="*/ 6674981 h 6858000"/>
              <a:gd name="connsiteX10" fmla="*/ 190218 w 6002338"/>
              <a:gd name="connsiteY10" fmla="*/ 6858000 h 6858000"/>
              <a:gd name="connsiteX11" fmla="*/ 183018 w 6002338"/>
              <a:gd name="connsiteY11" fmla="*/ 6858000 h 6858000"/>
              <a:gd name="connsiteX12" fmla="*/ 183018 w 6002338"/>
              <a:gd name="connsiteY12" fmla="*/ 6674981 h 6858000"/>
              <a:gd name="connsiteX13" fmla="*/ 0 w 6002338"/>
              <a:gd name="connsiteY13" fmla="*/ 6674981 h 6858000"/>
              <a:gd name="connsiteX14" fmla="*/ 0 w 6002338"/>
              <a:gd name="connsiteY14" fmla="*/ 6667781 h 6858000"/>
              <a:gd name="connsiteX15" fmla="*/ 183018 w 6002338"/>
              <a:gd name="connsiteY15" fmla="*/ 6667781 h 6858000"/>
              <a:gd name="connsiteX16" fmla="*/ 183018 w 6002338"/>
              <a:gd name="connsiteY16" fmla="*/ 190219 h 6858000"/>
              <a:gd name="connsiteX17" fmla="*/ 0 w 6002338"/>
              <a:gd name="connsiteY17" fmla="*/ 190219 h 6858000"/>
              <a:gd name="connsiteX18" fmla="*/ 0 w 6002338"/>
              <a:gd name="connsiteY18" fmla="*/ 183019 h 6858000"/>
              <a:gd name="connsiteX19" fmla="*/ 183018 w 6002338"/>
              <a:gd name="connsiteY19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6002338" h="6858000">
                <a:moveTo>
                  <a:pt x="183018" y="0"/>
                </a:moveTo>
                <a:lnTo>
                  <a:pt x="190218" y="0"/>
                </a:lnTo>
                <a:lnTo>
                  <a:pt x="190218" y="183019"/>
                </a:lnTo>
                <a:lnTo>
                  <a:pt x="6002338" y="183019"/>
                </a:lnTo>
                <a:lnTo>
                  <a:pt x="6002338" y="190219"/>
                </a:lnTo>
                <a:lnTo>
                  <a:pt x="190218" y="190219"/>
                </a:lnTo>
                <a:lnTo>
                  <a:pt x="190218" y="6667781"/>
                </a:lnTo>
                <a:lnTo>
                  <a:pt x="6002338" y="6667781"/>
                </a:lnTo>
                <a:lnTo>
                  <a:pt x="6002338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close/>
              </a:path>
            </a:pathLst>
          </a:custGeom>
          <a:solidFill>
            <a:srgbClr val="FFFFFF">
              <a:alpha val="40000"/>
            </a:srgbClr>
          </a:solidFill>
        </p:spPr>
        <p:txBody>
          <a:bodyPr wrap="square">
            <a:noAutofit/>
          </a:bodyPr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Logo">
            <a:extLst>
              <a:ext uri="{FF2B5EF4-FFF2-40B4-BE49-F238E27FC236}">
                <a16:creationId xmlns:a16="http://schemas.microsoft.com/office/drawing/2014/main" id="{3F4F7A62-D167-563D-A71E-F19BD0104C35}"/>
              </a:ext>
            </a:extLst>
          </p:cNvPr>
          <p:cNvSpPr/>
          <p:nvPr userDrawn="1"/>
        </p:nvSpPr>
        <p:spPr bwMode="white">
          <a:xfrm>
            <a:off x="6190695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chemeClr val="tx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8A3FE55-2F3B-924D-F7C1-54AE6C0CC47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188075" y="185737"/>
            <a:ext cx="5816600" cy="947737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88211" y="1368000"/>
            <a:ext cx="5816464" cy="4568400"/>
          </a:xfrm>
        </p:spPr>
        <p:txBody>
          <a:bodyPr>
            <a:normAutofit/>
          </a:bodyPr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16025B7-EE4E-482B-A2F1-D4E098C9B7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637168" y="6474619"/>
            <a:ext cx="359333" cy="196056"/>
          </a:xfr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561F121D-AFB1-9F62-CADD-8DDB2A1EFCE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02338" cy="6858000"/>
          </a:xfrm>
          <a:solidFill>
            <a:schemeClr val="bg1">
              <a:lumMod val="85000"/>
            </a:schemeClr>
          </a:solidFill>
        </p:spPr>
        <p:txBody>
          <a:bodyPr lIns="0" tIns="3708000" anchor="t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altLang="zh-HK" dirty="0"/>
              <a:t>Click icon to add picture, then right click and select option Send to Back</a:t>
            </a:r>
          </a:p>
        </p:txBody>
      </p:sp>
    </p:spTree>
    <p:extLst>
      <p:ext uri="{BB962C8B-B14F-4D97-AF65-F5344CB8AC3E}">
        <p14:creationId xmlns:p14="http://schemas.microsoft.com/office/powerpoint/2010/main" val="186269770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Grid">
            <a:extLst>
              <a:ext uri="{FF2B5EF4-FFF2-40B4-BE49-F238E27FC236}">
                <a16:creationId xmlns:a16="http://schemas.microsoft.com/office/drawing/2014/main" id="{785B307A-AB45-058D-4FCF-F6CA8E8CC324}"/>
              </a:ext>
            </a:extLst>
          </p:cNvPr>
          <p:cNvSpPr/>
          <p:nvPr userDrawn="1"/>
        </p:nvSpPr>
        <p:spPr>
          <a:xfrm>
            <a:off x="-598" y="0"/>
            <a:ext cx="12193199" cy="6858000"/>
          </a:xfrm>
          <a:custGeom>
            <a:avLst/>
            <a:gdLst>
              <a:gd name="connsiteX0" fmla="*/ 190218 w 12193199"/>
              <a:gd name="connsiteY0" fmla="*/ 190219 h 6858000"/>
              <a:gd name="connsiteX1" fmla="*/ 190218 w 12193199"/>
              <a:gd name="connsiteY1" fmla="*/ 6667781 h 6858000"/>
              <a:gd name="connsiteX2" fmla="*/ 12001837 w 12193199"/>
              <a:gd name="connsiteY2" fmla="*/ 6667781 h 6858000"/>
              <a:gd name="connsiteX3" fmla="*/ 12001837 w 12193199"/>
              <a:gd name="connsiteY3" fmla="*/ 190219 h 6858000"/>
              <a:gd name="connsiteX4" fmla="*/ 12001837 w 12193199"/>
              <a:gd name="connsiteY4" fmla="*/ 0 h 6858000"/>
              <a:gd name="connsiteX5" fmla="*/ 12009037 w 12193199"/>
              <a:gd name="connsiteY5" fmla="*/ 0 h 6858000"/>
              <a:gd name="connsiteX6" fmla="*/ 12009037 w 12193199"/>
              <a:gd name="connsiteY6" fmla="*/ 183019 h 6858000"/>
              <a:gd name="connsiteX7" fmla="*/ 12193199 w 12193199"/>
              <a:gd name="connsiteY7" fmla="*/ 183019 h 6858000"/>
              <a:gd name="connsiteX8" fmla="*/ 12193199 w 12193199"/>
              <a:gd name="connsiteY8" fmla="*/ 190219 h 6858000"/>
              <a:gd name="connsiteX9" fmla="*/ 12009037 w 12193199"/>
              <a:gd name="connsiteY9" fmla="*/ 190219 h 6858000"/>
              <a:gd name="connsiteX10" fmla="*/ 12009037 w 12193199"/>
              <a:gd name="connsiteY10" fmla="*/ 6667781 h 6858000"/>
              <a:gd name="connsiteX11" fmla="*/ 12193199 w 12193199"/>
              <a:gd name="connsiteY11" fmla="*/ 6667781 h 6858000"/>
              <a:gd name="connsiteX12" fmla="*/ 12193199 w 12193199"/>
              <a:gd name="connsiteY12" fmla="*/ 6674981 h 6858000"/>
              <a:gd name="connsiteX13" fmla="*/ 12009037 w 12193199"/>
              <a:gd name="connsiteY13" fmla="*/ 6674981 h 6858000"/>
              <a:gd name="connsiteX14" fmla="*/ 12009037 w 12193199"/>
              <a:gd name="connsiteY14" fmla="*/ 6858000 h 6858000"/>
              <a:gd name="connsiteX15" fmla="*/ 12001837 w 12193199"/>
              <a:gd name="connsiteY15" fmla="*/ 6858000 h 6858000"/>
              <a:gd name="connsiteX16" fmla="*/ 12001837 w 12193199"/>
              <a:gd name="connsiteY16" fmla="*/ 6674981 h 6858000"/>
              <a:gd name="connsiteX17" fmla="*/ 190218 w 12193199"/>
              <a:gd name="connsiteY17" fmla="*/ 6674981 h 6858000"/>
              <a:gd name="connsiteX18" fmla="*/ 190218 w 12193199"/>
              <a:gd name="connsiteY18" fmla="*/ 6858000 h 6858000"/>
              <a:gd name="connsiteX19" fmla="*/ 183018 w 12193199"/>
              <a:gd name="connsiteY19" fmla="*/ 6858000 h 6858000"/>
              <a:gd name="connsiteX20" fmla="*/ 183018 w 12193199"/>
              <a:gd name="connsiteY20" fmla="*/ 6674981 h 6858000"/>
              <a:gd name="connsiteX21" fmla="*/ 0 w 12193199"/>
              <a:gd name="connsiteY21" fmla="*/ 6674981 h 6858000"/>
              <a:gd name="connsiteX22" fmla="*/ 0 w 12193199"/>
              <a:gd name="connsiteY22" fmla="*/ 6667781 h 6858000"/>
              <a:gd name="connsiteX23" fmla="*/ 183018 w 12193199"/>
              <a:gd name="connsiteY23" fmla="*/ 6667781 h 6858000"/>
              <a:gd name="connsiteX24" fmla="*/ 183018 w 12193199"/>
              <a:gd name="connsiteY24" fmla="*/ 190219 h 6858000"/>
              <a:gd name="connsiteX25" fmla="*/ 0 w 12193199"/>
              <a:gd name="connsiteY25" fmla="*/ 190219 h 6858000"/>
              <a:gd name="connsiteX26" fmla="*/ 0 w 12193199"/>
              <a:gd name="connsiteY26" fmla="*/ 183019 h 6858000"/>
              <a:gd name="connsiteX27" fmla="*/ 183018 w 12193199"/>
              <a:gd name="connsiteY27" fmla="*/ 183019 h 6858000"/>
              <a:gd name="connsiteX28" fmla="*/ 183018 w 12193199"/>
              <a:gd name="connsiteY28" fmla="*/ 0 h 6858000"/>
              <a:gd name="connsiteX29" fmla="*/ 190218 w 12193199"/>
              <a:gd name="connsiteY29" fmla="*/ 0 h 6858000"/>
              <a:gd name="connsiteX30" fmla="*/ 190218 w 12193199"/>
              <a:gd name="connsiteY30" fmla="*/ 183019 h 6858000"/>
              <a:gd name="connsiteX31" fmla="*/ 12001837 w 12193199"/>
              <a:gd name="connsiteY31" fmla="*/ 1830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12193199" h="6858000">
                <a:moveTo>
                  <a:pt x="190218" y="190219"/>
                </a:moveTo>
                <a:lnTo>
                  <a:pt x="190218" y="6667781"/>
                </a:lnTo>
                <a:lnTo>
                  <a:pt x="12001837" y="6667781"/>
                </a:lnTo>
                <a:lnTo>
                  <a:pt x="12001837" y="190219"/>
                </a:lnTo>
                <a:close/>
                <a:moveTo>
                  <a:pt x="12001837" y="0"/>
                </a:moveTo>
                <a:lnTo>
                  <a:pt x="12009037" y="0"/>
                </a:lnTo>
                <a:lnTo>
                  <a:pt x="12009037" y="183019"/>
                </a:lnTo>
                <a:lnTo>
                  <a:pt x="12193199" y="183019"/>
                </a:lnTo>
                <a:lnTo>
                  <a:pt x="12193199" y="190219"/>
                </a:lnTo>
                <a:lnTo>
                  <a:pt x="12009037" y="190219"/>
                </a:lnTo>
                <a:lnTo>
                  <a:pt x="12009037" y="6667781"/>
                </a:lnTo>
                <a:lnTo>
                  <a:pt x="12193199" y="6667781"/>
                </a:lnTo>
                <a:lnTo>
                  <a:pt x="12193199" y="6674981"/>
                </a:lnTo>
                <a:lnTo>
                  <a:pt x="12009037" y="6674981"/>
                </a:lnTo>
                <a:lnTo>
                  <a:pt x="12009037" y="6858000"/>
                </a:lnTo>
                <a:lnTo>
                  <a:pt x="12001837" y="6858000"/>
                </a:lnTo>
                <a:lnTo>
                  <a:pt x="12001837" y="6674981"/>
                </a:lnTo>
                <a:lnTo>
                  <a:pt x="190218" y="6674981"/>
                </a:lnTo>
                <a:lnTo>
                  <a:pt x="190218" y="6858000"/>
                </a:lnTo>
                <a:lnTo>
                  <a:pt x="183018" y="6858000"/>
                </a:lnTo>
                <a:lnTo>
                  <a:pt x="183018" y="6674981"/>
                </a:lnTo>
                <a:lnTo>
                  <a:pt x="0" y="6674981"/>
                </a:lnTo>
                <a:lnTo>
                  <a:pt x="0" y="6667781"/>
                </a:lnTo>
                <a:lnTo>
                  <a:pt x="183018" y="6667781"/>
                </a:lnTo>
                <a:lnTo>
                  <a:pt x="183018" y="190219"/>
                </a:lnTo>
                <a:lnTo>
                  <a:pt x="0" y="190219"/>
                </a:lnTo>
                <a:lnTo>
                  <a:pt x="0" y="183019"/>
                </a:lnTo>
                <a:lnTo>
                  <a:pt x="183018" y="183019"/>
                </a:lnTo>
                <a:lnTo>
                  <a:pt x="183018" y="0"/>
                </a:lnTo>
                <a:lnTo>
                  <a:pt x="190218" y="0"/>
                </a:lnTo>
                <a:lnTo>
                  <a:pt x="190218" y="183019"/>
                </a:lnTo>
                <a:lnTo>
                  <a:pt x="12001837" y="183019"/>
                </a:lnTo>
                <a:close/>
              </a:path>
            </a:pathLst>
          </a:custGeom>
          <a:solidFill>
            <a:srgbClr val="E7EBE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5738" y="185737"/>
            <a:ext cx="11818937" cy="94773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85738" y="1438275"/>
            <a:ext cx="11818937" cy="456247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Bullet level 1 Coral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Body</a:t>
            </a:r>
          </a:p>
          <a:p>
            <a:pPr lvl="4"/>
            <a:r>
              <a:rPr lang="en-GB" noProof="0" dirty="0"/>
              <a:t>Level 5, Header</a:t>
            </a:r>
          </a:p>
          <a:p>
            <a:pPr lvl="5"/>
            <a:r>
              <a:rPr lang="en-GB" noProof="0" dirty="0"/>
              <a:t>Level 6, Body</a:t>
            </a:r>
          </a:p>
          <a:p>
            <a:pPr lvl="6"/>
            <a:r>
              <a:rPr lang="en-GB" noProof="0" dirty="0"/>
              <a:t>Level 7, Small Text</a:t>
            </a:r>
          </a:p>
          <a:p>
            <a:pPr lvl="7"/>
            <a:r>
              <a:rPr lang="en-GB" noProof="0" dirty="0"/>
              <a:t>Level 8, Headline</a:t>
            </a:r>
          </a:p>
          <a:p>
            <a:pPr lvl="8"/>
            <a:r>
              <a:rPr lang="en-GB" noProof="0" dirty="0"/>
              <a:t>Level 9, Headline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44314" y="6474619"/>
            <a:ext cx="360360" cy="196056"/>
          </a:xfrm>
          <a:prstGeom prst="rect">
            <a:avLst/>
          </a:prstGeom>
        </p:spPr>
        <p:txBody>
          <a:bodyPr vert="horz" lIns="0" tIns="252000" rIns="0" bIns="0" rtlCol="0" anchor="b" anchorCtr="0"/>
          <a:lstStyle>
            <a:lvl1pPr algn="r">
              <a:defRPr sz="11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3" name="Freeform: Shape 22">
            <a:extLst>
              <a:ext uri="{FF2B5EF4-FFF2-40B4-BE49-F238E27FC236}">
                <a16:creationId xmlns:a16="http://schemas.microsoft.com/office/drawing/2014/main" id="{1AAB2BF0-A651-AD5C-42CC-145B1AD52D70}"/>
              </a:ext>
            </a:extLst>
          </p:cNvPr>
          <p:cNvSpPr/>
          <p:nvPr userDrawn="1"/>
        </p:nvSpPr>
        <p:spPr>
          <a:xfrm>
            <a:off x="190800" y="6556701"/>
            <a:ext cx="936626" cy="142550"/>
          </a:xfrm>
          <a:custGeom>
            <a:avLst/>
            <a:gdLst>
              <a:gd name="connsiteX0" fmla="*/ 5882163 w 7505700"/>
              <a:gd name="connsiteY0" fmla="*/ 551211 h 1142333"/>
              <a:gd name="connsiteX1" fmla="*/ 5731859 w 7505700"/>
              <a:gd name="connsiteY1" fmla="*/ 611314 h 1142333"/>
              <a:gd name="connsiteX2" fmla="*/ 5541454 w 7505700"/>
              <a:gd name="connsiteY2" fmla="*/ 721518 h 1142333"/>
              <a:gd name="connsiteX3" fmla="*/ 5671756 w 7505700"/>
              <a:gd name="connsiteY3" fmla="*/ 821721 h 1142333"/>
              <a:gd name="connsiteX4" fmla="*/ 5882163 w 7505700"/>
              <a:gd name="connsiteY4" fmla="*/ 581215 h 1142333"/>
              <a:gd name="connsiteX5" fmla="*/ 1202531 w 7505700"/>
              <a:gd name="connsiteY5" fmla="*/ 280606 h 1142333"/>
              <a:gd name="connsiteX6" fmla="*/ 992124 w 7505700"/>
              <a:gd name="connsiteY6" fmla="*/ 491014 h 1142333"/>
              <a:gd name="connsiteX7" fmla="*/ 1402937 w 7505700"/>
              <a:gd name="connsiteY7" fmla="*/ 491014 h 1142333"/>
              <a:gd name="connsiteX8" fmla="*/ 1202531 w 7505700"/>
              <a:gd name="connsiteY8" fmla="*/ 280606 h 1142333"/>
              <a:gd name="connsiteX9" fmla="*/ 3106579 w 7505700"/>
              <a:gd name="connsiteY9" fmla="*/ 280511 h 1142333"/>
              <a:gd name="connsiteX10" fmla="*/ 2886075 w 7505700"/>
              <a:gd name="connsiteY10" fmla="*/ 551116 h 1142333"/>
              <a:gd name="connsiteX11" fmla="*/ 3106579 w 7505700"/>
              <a:gd name="connsiteY11" fmla="*/ 821721 h 1142333"/>
              <a:gd name="connsiteX12" fmla="*/ 3316986 w 7505700"/>
              <a:gd name="connsiteY12" fmla="*/ 551116 h 1142333"/>
              <a:gd name="connsiteX13" fmla="*/ 3106579 w 7505700"/>
              <a:gd name="connsiteY13" fmla="*/ 280511 h 1142333"/>
              <a:gd name="connsiteX14" fmla="*/ 5020532 w 7505700"/>
              <a:gd name="connsiteY14" fmla="*/ 270509 h 1142333"/>
              <a:gd name="connsiteX15" fmla="*/ 4800028 w 7505700"/>
              <a:gd name="connsiteY15" fmla="*/ 551116 h 1142333"/>
              <a:gd name="connsiteX16" fmla="*/ 5020532 w 7505700"/>
              <a:gd name="connsiteY16" fmla="*/ 821721 h 1142333"/>
              <a:gd name="connsiteX17" fmla="*/ 5220938 w 7505700"/>
              <a:gd name="connsiteY17" fmla="*/ 541115 h 1142333"/>
              <a:gd name="connsiteX18" fmla="*/ 5020532 w 7505700"/>
              <a:gd name="connsiteY18" fmla="*/ 270509 h 1142333"/>
              <a:gd name="connsiteX19" fmla="*/ 6824376 w 7505700"/>
              <a:gd name="connsiteY19" fmla="*/ 190404 h 1142333"/>
              <a:gd name="connsiteX20" fmla="*/ 6964680 w 7505700"/>
              <a:gd name="connsiteY20" fmla="*/ 190404 h 1142333"/>
              <a:gd name="connsiteX21" fmla="*/ 7135082 w 7505700"/>
              <a:gd name="connsiteY21" fmla="*/ 661415 h 1142333"/>
              <a:gd name="connsiteX22" fmla="*/ 7165181 w 7505700"/>
              <a:gd name="connsiteY22" fmla="*/ 791717 h 1142333"/>
              <a:gd name="connsiteX23" fmla="*/ 7175182 w 7505700"/>
              <a:gd name="connsiteY23" fmla="*/ 791717 h 1142333"/>
              <a:gd name="connsiteX24" fmla="*/ 7205281 w 7505700"/>
              <a:gd name="connsiteY24" fmla="*/ 661415 h 1142333"/>
              <a:gd name="connsiteX25" fmla="*/ 7375683 w 7505700"/>
              <a:gd name="connsiteY25" fmla="*/ 190404 h 1142333"/>
              <a:gd name="connsiteX26" fmla="*/ 7505700 w 7505700"/>
              <a:gd name="connsiteY26" fmla="*/ 190404 h 1142333"/>
              <a:gd name="connsiteX27" fmla="*/ 7245191 w 7505700"/>
              <a:gd name="connsiteY27" fmla="*/ 881824 h 1142333"/>
              <a:gd name="connsiteX28" fmla="*/ 6954583 w 7505700"/>
              <a:gd name="connsiteY28" fmla="*/ 1142333 h 1142333"/>
              <a:gd name="connsiteX29" fmla="*/ 6864381 w 7505700"/>
              <a:gd name="connsiteY29" fmla="*/ 1122330 h 1142333"/>
              <a:gd name="connsiteX30" fmla="*/ 6864381 w 7505700"/>
              <a:gd name="connsiteY30" fmla="*/ 1022127 h 1142333"/>
              <a:gd name="connsiteX31" fmla="*/ 6944582 w 7505700"/>
              <a:gd name="connsiteY31" fmla="*/ 1042130 h 1142333"/>
              <a:gd name="connsiteX32" fmla="*/ 7114984 w 7505700"/>
              <a:gd name="connsiteY32" fmla="*/ 921924 h 1142333"/>
              <a:gd name="connsiteX33" fmla="*/ 6533769 w 7505700"/>
              <a:gd name="connsiteY33" fmla="*/ 180403 h 1142333"/>
              <a:gd name="connsiteX34" fmla="*/ 6774275 w 7505700"/>
              <a:gd name="connsiteY34" fmla="*/ 420909 h 1142333"/>
              <a:gd name="connsiteX35" fmla="*/ 6774180 w 7505700"/>
              <a:gd name="connsiteY35" fmla="*/ 420909 h 1142333"/>
              <a:gd name="connsiteX36" fmla="*/ 6774180 w 7505700"/>
              <a:gd name="connsiteY36" fmla="*/ 901922 h 1142333"/>
              <a:gd name="connsiteX37" fmla="*/ 6653974 w 7505700"/>
              <a:gd name="connsiteY37" fmla="*/ 901922 h 1142333"/>
              <a:gd name="connsiteX38" fmla="*/ 6653974 w 7505700"/>
              <a:gd name="connsiteY38" fmla="*/ 451008 h 1142333"/>
              <a:gd name="connsiteX39" fmla="*/ 6503669 w 7505700"/>
              <a:gd name="connsiteY39" fmla="*/ 280606 h 1142333"/>
              <a:gd name="connsiteX40" fmla="*/ 6303263 w 7505700"/>
              <a:gd name="connsiteY40" fmla="*/ 541115 h 1142333"/>
              <a:gd name="connsiteX41" fmla="*/ 6303263 w 7505700"/>
              <a:gd name="connsiteY41" fmla="*/ 901827 h 1142333"/>
              <a:gd name="connsiteX42" fmla="*/ 6183058 w 7505700"/>
              <a:gd name="connsiteY42" fmla="*/ 901827 h 1142333"/>
              <a:gd name="connsiteX43" fmla="*/ 6183058 w 7505700"/>
              <a:gd name="connsiteY43" fmla="*/ 190404 h 1142333"/>
              <a:gd name="connsiteX44" fmla="*/ 6303263 w 7505700"/>
              <a:gd name="connsiteY44" fmla="*/ 190404 h 1142333"/>
              <a:gd name="connsiteX45" fmla="*/ 6303263 w 7505700"/>
              <a:gd name="connsiteY45" fmla="*/ 360807 h 1142333"/>
              <a:gd name="connsiteX46" fmla="*/ 6533769 w 7505700"/>
              <a:gd name="connsiteY46" fmla="*/ 180403 h 1142333"/>
              <a:gd name="connsiteX47" fmla="*/ 5731859 w 7505700"/>
              <a:gd name="connsiteY47" fmla="*/ 180403 h 1142333"/>
              <a:gd name="connsiteX48" fmla="*/ 6012465 w 7505700"/>
              <a:gd name="connsiteY48" fmla="*/ 420909 h 1142333"/>
              <a:gd name="connsiteX49" fmla="*/ 6012465 w 7505700"/>
              <a:gd name="connsiteY49" fmla="*/ 741616 h 1142333"/>
              <a:gd name="connsiteX50" fmla="*/ 6062566 w 7505700"/>
              <a:gd name="connsiteY50" fmla="*/ 821817 h 1142333"/>
              <a:gd name="connsiteX51" fmla="*/ 6122669 w 7505700"/>
              <a:gd name="connsiteY51" fmla="*/ 811815 h 1142333"/>
              <a:gd name="connsiteX52" fmla="*/ 6122765 w 7505700"/>
              <a:gd name="connsiteY52" fmla="*/ 811720 h 1142333"/>
              <a:gd name="connsiteX53" fmla="*/ 6122765 w 7505700"/>
              <a:gd name="connsiteY53" fmla="*/ 901922 h 1142333"/>
              <a:gd name="connsiteX54" fmla="*/ 6032563 w 7505700"/>
              <a:gd name="connsiteY54" fmla="*/ 911923 h 1142333"/>
              <a:gd name="connsiteX55" fmla="*/ 5892259 w 7505700"/>
              <a:gd name="connsiteY55" fmla="*/ 771620 h 1142333"/>
              <a:gd name="connsiteX56" fmla="*/ 5892259 w 7505700"/>
              <a:gd name="connsiteY56" fmla="*/ 741521 h 1142333"/>
              <a:gd name="connsiteX57" fmla="*/ 5882258 w 7505700"/>
              <a:gd name="connsiteY57" fmla="*/ 741521 h 1142333"/>
              <a:gd name="connsiteX58" fmla="*/ 5641752 w 7505700"/>
              <a:gd name="connsiteY58" fmla="*/ 921924 h 1142333"/>
              <a:gd name="connsiteX59" fmla="*/ 5421248 w 7505700"/>
              <a:gd name="connsiteY59" fmla="*/ 731520 h 1142333"/>
              <a:gd name="connsiteX60" fmla="*/ 5711856 w 7505700"/>
              <a:gd name="connsiteY60" fmla="*/ 521112 h 1142333"/>
              <a:gd name="connsiteX61" fmla="*/ 5882258 w 7505700"/>
              <a:gd name="connsiteY61" fmla="*/ 390810 h 1142333"/>
              <a:gd name="connsiteX62" fmla="*/ 5731954 w 7505700"/>
              <a:gd name="connsiteY62" fmla="*/ 270605 h 1142333"/>
              <a:gd name="connsiteX63" fmla="*/ 5561552 w 7505700"/>
              <a:gd name="connsiteY63" fmla="*/ 430911 h 1142333"/>
              <a:gd name="connsiteX64" fmla="*/ 5431250 w 7505700"/>
              <a:gd name="connsiteY64" fmla="*/ 430911 h 1142333"/>
              <a:gd name="connsiteX65" fmla="*/ 5731859 w 7505700"/>
              <a:gd name="connsiteY65" fmla="*/ 180403 h 1142333"/>
              <a:gd name="connsiteX66" fmla="*/ 5050631 w 7505700"/>
              <a:gd name="connsiteY66" fmla="*/ 180403 h 1142333"/>
              <a:gd name="connsiteX67" fmla="*/ 5351240 w 7505700"/>
              <a:gd name="connsiteY67" fmla="*/ 541115 h 1142333"/>
              <a:gd name="connsiteX68" fmla="*/ 5050631 w 7505700"/>
              <a:gd name="connsiteY68" fmla="*/ 921924 h 1142333"/>
              <a:gd name="connsiteX69" fmla="*/ 4810125 w 7505700"/>
              <a:gd name="connsiteY69" fmla="*/ 741521 h 1142333"/>
              <a:gd name="connsiteX70" fmla="*/ 4800124 w 7505700"/>
              <a:gd name="connsiteY70" fmla="*/ 741521 h 1142333"/>
              <a:gd name="connsiteX71" fmla="*/ 4800124 w 7505700"/>
              <a:gd name="connsiteY71" fmla="*/ 1142333 h 1142333"/>
              <a:gd name="connsiteX72" fmla="*/ 4679918 w 7505700"/>
              <a:gd name="connsiteY72" fmla="*/ 1142333 h 1142333"/>
              <a:gd name="connsiteX73" fmla="*/ 4679918 w 7505700"/>
              <a:gd name="connsiteY73" fmla="*/ 190404 h 1142333"/>
              <a:gd name="connsiteX74" fmla="*/ 4800124 w 7505700"/>
              <a:gd name="connsiteY74" fmla="*/ 190404 h 1142333"/>
              <a:gd name="connsiteX75" fmla="*/ 4800124 w 7505700"/>
              <a:gd name="connsiteY75" fmla="*/ 360807 h 1142333"/>
              <a:gd name="connsiteX76" fmla="*/ 4810125 w 7505700"/>
              <a:gd name="connsiteY76" fmla="*/ 360807 h 1142333"/>
              <a:gd name="connsiteX77" fmla="*/ 5050631 w 7505700"/>
              <a:gd name="connsiteY77" fmla="*/ 180403 h 1142333"/>
              <a:gd name="connsiteX78" fmla="*/ 3888010 w 7505700"/>
              <a:gd name="connsiteY78" fmla="*/ 180403 h 1142333"/>
              <a:gd name="connsiteX79" fmla="*/ 4108513 w 7505700"/>
              <a:gd name="connsiteY79" fmla="*/ 360807 h 1142333"/>
              <a:gd name="connsiteX80" fmla="*/ 4329017 w 7505700"/>
              <a:gd name="connsiteY80" fmla="*/ 180403 h 1142333"/>
              <a:gd name="connsiteX81" fmla="*/ 4569523 w 7505700"/>
              <a:gd name="connsiteY81" fmla="*/ 420909 h 1142333"/>
              <a:gd name="connsiteX82" fmla="*/ 4569523 w 7505700"/>
              <a:gd name="connsiteY82" fmla="*/ 901922 h 1142333"/>
              <a:gd name="connsiteX83" fmla="*/ 4439221 w 7505700"/>
              <a:gd name="connsiteY83" fmla="*/ 901922 h 1142333"/>
              <a:gd name="connsiteX84" fmla="*/ 4439221 w 7505700"/>
              <a:gd name="connsiteY84" fmla="*/ 430911 h 1142333"/>
              <a:gd name="connsiteX85" fmla="*/ 4298918 w 7505700"/>
              <a:gd name="connsiteY85" fmla="*/ 280606 h 1142333"/>
              <a:gd name="connsiteX86" fmla="*/ 4118515 w 7505700"/>
              <a:gd name="connsiteY86" fmla="*/ 541115 h 1142333"/>
              <a:gd name="connsiteX87" fmla="*/ 4118515 w 7505700"/>
              <a:gd name="connsiteY87" fmla="*/ 901827 h 1142333"/>
              <a:gd name="connsiteX88" fmla="*/ 3988212 w 7505700"/>
              <a:gd name="connsiteY88" fmla="*/ 901827 h 1142333"/>
              <a:gd name="connsiteX89" fmla="*/ 3988212 w 7505700"/>
              <a:gd name="connsiteY89" fmla="*/ 430815 h 1142333"/>
              <a:gd name="connsiteX90" fmla="*/ 3847909 w 7505700"/>
              <a:gd name="connsiteY90" fmla="*/ 280511 h 1142333"/>
              <a:gd name="connsiteX91" fmla="*/ 3657504 w 7505700"/>
              <a:gd name="connsiteY91" fmla="*/ 541020 h 1142333"/>
              <a:gd name="connsiteX92" fmla="*/ 3657504 w 7505700"/>
              <a:gd name="connsiteY92" fmla="*/ 901731 h 1142333"/>
              <a:gd name="connsiteX93" fmla="*/ 3537299 w 7505700"/>
              <a:gd name="connsiteY93" fmla="*/ 901731 h 1142333"/>
              <a:gd name="connsiteX94" fmla="*/ 3537299 w 7505700"/>
              <a:gd name="connsiteY94" fmla="*/ 190404 h 1142333"/>
              <a:gd name="connsiteX95" fmla="*/ 3657504 w 7505700"/>
              <a:gd name="connsiteY95" fmla="*/ 190404 h 1142333"/>
              <a:gd name="connsiteX96" fmla="*/ 3657504 w 7505700"/>
              <a:gd name="connsiteY96" fmla="*/ 360807 h 1142333"/>
              <a:gd name="connsiteX97" fmla="*/ 3888010 w 7505700"/>
              <a:gd name="connsiteY97" fmla="*/ 180403 h 1142333"/>
              <a:gd name="connsiteX98" fmla="*/ 3106484 w 7505700"/>
              <a:gd name="connsiteY98" fmla="*/ 180308 h 1142333"/>
              <a:gd name="connsiteX99" fmla="*/ 3447193 w 7505700"/>
              <a:gd name="connsiteY99" fmla="*/ 551116 h 1142333"/>
              <a:gd name="connsiteX100" fmla="*/ 3106484 w 7505700"/>
              <a:gd name="connsiteY100" fmla="*/ 921925 h 1142333"/>
              <a:gd name="connsiteX101" fmla="*/ 2755773 w 7505700"/>
              <a:gd name="connsiteY101" fmla="*/ 551116 h 1142333"/>
              <a:gd name="connsiteX102" fmla="*/ 3106484 w 7505700"/>
              <a:gd name="connsiteY102" fmla="*/ 180308 h 1142333"/>
              <a:gd name="connsiteX103" fmla="*/ 2354865 w 7505700"/>
              <a:gd name="connsiteY103" fmla="*/ 180308 h 1142333"/>
              <a:gd name="connsiteX104" fmla="*/ 2675572 w 7505700"/>
              <a:gd name="connsiteY104" fmla="*/ 460915 h 1142333"/>
              <a:gd name="connsiteX105" fmla="*/ 2545270 w 7505700"/>
              <a:gd name="connsiteY105" fmla="*/ 460915 h 1142333"/>
              <a:gd name="connsiteX106" fmla="*/ 2354865 w 7505700"/>
              <a:gd name="connsiteY106" fmla="*/ 280511 h 1142333"/>
              <a:gd name="connsiteX107" fmla="*/ 2134361 w 7505700"/>
              <a:gd name="connsiteY107" fmla="*/ 551116 h 1142333"/>
              <a:gd name="connsiteX108" fmla="*/ 2354865 w 7505700"/>
              <a:gd name="connsiteY108" fmla="*/ 821721 h 1142333"/>
              <a:gd name="connsiteX109" fmla="*/ 2555271 w 7505700"/>
              <a:gd name="connsiteY109" fmla="*/ 631317 h 1142333"/>
              <a:gd name="connsiteX110" fmla="*/ 2675476 w 7505700"/>
              <a:gd name="connsiteY110" fmla="*/ 631317 h 1142333"/>
              <a:gd name="connsiteX111" fmla="*/ 2354770 w 7505700"/>
              <a:gd name="connsiteY111" fmla="*/ 921925 h 1142333"/>
              <a:gd name="connsiteX112" fmla="*/ 2004059 w 7505700"/>
              <a:gd name="connsiteY112" fmla="*/ 551116 h 1142333"/>
              <a:gd name="connsiteX113" fmla="*/ 2004154 w 7505700"/>
              <a:gd name="connsiteY113" fmla="*/ 551116 h 1142333"/>
              <a:gd name="connsiteX114" fmla="*/ 2354865 w 7505700"/>
              <a:gd name="connsiteY114" fmla="*/ 180308 h 1142333"/>
              <a:gd name="connsiteX115" fmla="*/ 1202721 w 7505700"/>
              <a:gd name="connsiteY115" fmla="*/ 180308 h 1142333"/>
              <a:gd name="connsiteX116" fmla="*/ 1533429 w 7505700"/>
              <a:gd name="connsiteY116" fmla="*/ 561118 h 1142333"/>
              <a:gd name="connsiteX117" fmla="*/ 1533429 w 7505700"/>
              <a:gd name="connsiteY117" fmla="*/ 581120 h 1142333"/>
              <a:gd name="connsiteX118" fmla="*/ 1533239 w 7505700"/>
              <a:gd name="connsiteY118" fmla="*/ 581215 h 1142333"/>
              <a:gd name="connsiteX119" fmla="*/ 992124 w 7505700"/>
              <a:gd name="connsiteY119" fmla="*/ 581215 h 1142333"/>
              <a:gd name="connsiteX120" fmla="*/ 1212627 w 7505700"/>
              <a:gd name="connsiteY120" fmla="*/ 821721 h 1142333"/>
              <a:gd name="connsiteX121" fmla="*/ 1393031 w 7505700"/>
              <a:gd name="connsiteY121" fmla="*/ 691419 h 1142333"/>
              <a:gd name="connsiteX122" fmla="*/ 1523333 w 7505700"/>
              <a:gd name="connsiteY122" fmla="*/ 691419 h 1142333"/>
              <a:gd name="connsiteX123" fmla="*/ 1212723 w 7505700"/>
              <a:gd name="connsiteY123" fmla="*/ 921925 h 1142333"/>
              <a:gd name="connsiteX124" fmla="*/ 862012 w 7505700"/>
              <a:gd name="connsiteY124" fmla="*/ 551116 h 1142333"/>
              <a:gd name="connsiteX125" fmla="*/ 1202721 w 7505700"/>
              <a:gd name="connsiteY125" fmla="*/ 180308 h 1142333"/>
              <a:gd name="connsiteX126" fmla="*/ 1673447 w 7505700"/>
              <a:gd name="connsiteY126" fmla="*/ 0 h 1142333"/>
              <a:gd name="connsiteX127" fmla="*/ 1803749 w 7505700"/>
              <a:gd name="connsiteY127" fmla="*/ 0 h 1142333"/>
              <a:gd name="connsiteX128" fmla="*/ 1803749 w 7505700"/>
              <a:gd name="connsiteY128" fmla="*/ 190405 h 1142333"/>
              <a:gd name="connsiteX129" fmla="*/ 1954053 w 7505700"/>
              <a:gd name="connsiteY129" fmla="*/ 190405 h 1142333"/>
              <a:gd name="connsiteX130" fmla="*/ 1954053 w 7505700"/>
              <a:gd name="connsiteY130" fmla="*/ 290608 h 1142333"/>
              <a:gd name="connsiteX131" fmla="*/ 1803749 w 7505700"/>
              <a:gd name="connsiteY131" fmla="*/ 290608 h 1142333"/>
              <a:gd name="connsiteX132" fmla="*/ 1803749 w 7505700"/>
              <a:gd name="connsiteY132" fmla="*/ 711518 h 1142333"/>
              <a:gd name="connsiteX133" fmla="*/ 1883949 w 7505700"/>
              <a:gd name="connsiteY133" fmla="*/ 821722 h 1142333"/>
              <a:gd name="connsiteX134" fmla="*/ 1954053 w 7505700"/>
              <a:gd name="connsiteY134" fmla="*/ 801719 h 1142333"/>
              <a:gd name="connsiteX135" fmla="*/ 1954053 w 7505700"/>
              <a:gd name="connsiteY135" fmla="*/ 901922 h 1142333"/>
              <a:gd name="connsiteX136" fmla="*/ 1873853 w 7505700"/>
              <a:gd name="connsiteY136" fmla="*/ 921925 h 1142333"/>
              <a:gd name="connsiteX137" fmla="*/ 1673447 w 7505700"/>
              <a:gd name="connsiteY137" fmla="*/ 721519 h 1142333"/>
              <a:gd name="connsiteX138" fmla="*/ 1673447 w 7505700"/>
              <a:gd name="connsiteY138" fmla="*/ 290608 h 1142333"/>
              <a:gd name="connsiteX139" fmla="*/ 1573244 w 7505700"/>
              <a:gd name="connsiteY139" fmla="*/ 290608 h 1142333"/>
              <a:gd name="connsiteX140" fmla="*/ 1573244 w 7505700"/>
              <a:gd name="connsiteY140" fmla="*/ 190405 h 1142333"/>
              <a:gd name="connsiteX141" fmla="*/ 1673447 w 7505700"/>
              <a:gd name="connsiteY141" fmla="*/ 190405 h 1142333"/>
              <a:gd name="connsiteX142" fmla="*/ 0 w 7505700"/>
              <a:gd name="connsiteY142" fmla="*/ 0 h 1142333"/>
              <a:gd name="connsiteX143" fmla="*/ 160306 w 7505700"/>
              <a:gd name="connsiteY143" fmla="*/ 0 h 1142333"/>
              <a:gd name="connsiteX144" fmla="*/ 561118 w 7505700"/>
              <a:gd name="connsiteY144" fmla="*/ 621316 h 1142333"/>
              <a:gd name="connsiteX145" fmla="*/ 641318 w 7505700"/>
              <a:gd name="connsiteY145" fmla="*/ 761619 h 1142333"/>
              <a:gd name="connsiteX146" fmla="*/ 641318 w 7505700"/>
              <a:gd name="connsiteY146" fmla="*/ 0 h 1142333"/>
              <a:gd name="connsiteX147" fmla="*/ 761524 w 7505700"/>
              <a:gd name="connsiteY147" fmla="*/ 0 h 1142333"/>
              <a:gd name="connsiteX148" fmla="*/ 761524 w 7505700"/>
              <a:gd name="connsiteY148" fmla="*/ 901922 h 1142333"/>
              <a:gd name="connsiteX149" fmla="*/ 601218 w 7505700"/>
              <a:gd name="connsiteY149" fmla="*/ 901922 h 1142333"/>
              <a:gd name="connsiteX150" fmla="*/ 200406 w 7505700"/>
              <a:gd name="connsiteY150" fmla="*/ 290608 h 1142333"/>
              <a:gd name="connsiteX151" fmla="*/ 130302 w 7505700"/>
              <a:gd name="connsiteY151" fmla="*/ 150305 h 1142333"/>
              <a:gd name="connsiteX152" fmla="*/ 120302 w 7505700"/>
              <a:gd name="connsiteY152" fmla="*/ 150305 h 1142333"/>
              <a:gd name="connsiteX153" fmla="*/ 130302 w 7505700"/>
              <a:gd name="connsiteY153" fmla="*/ 310610 h 1142333"/>
              <a:gd name="connsiteX154" fmla="*/ 130302 w 7505700"/>
              <a:gd name="connsiteY154" fmla="*/ 901827 h 1142333"/>
              <a:gd name="connsiteX155" fmla="*/ 0 w 7505700"/>
              <a:gd name="connsiteY155" fmla="*/ 901827 h 11423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7505700" h="1142333">
                <a:moveTo>
                  <a:pt x="5882163" y="551211"/>
                </a:moveTo>
                <a:cubicBezTo>
                  <a:pt x="5842063" y="581310"/>
                  <a:pt x="5781960" y="601313"/>
                  <a:pt x="5731859" y="611314"/>
                </a:cubicBezTo>
                <a:cubicBezTo>
                  <a:pt x="5641657" y="631316"/>
                  <a:pt x="5541454" y="641413"/>
                  <a:pt x="5541454" y="721518"/>
                </a:cubicBezTo>
                <a:cubicBezTo>
                  <a:pt x="5541454" y="791622"/>
                  <a:pt x="5601557" y="821721"/>
                  <a:pt x="5671756" y="821721"/>
                </a:cubicBezTo>
                <a:cubicBezTo>
                  <a:pt x="5812059" y="821721"/>
                  <a:pt x="5882163" y="721518"/>
                  <a:pt x="5882163" y="581215"/>
                </a:cubicBezTo>
                <a:close/>
                <a:moveTo>
                  <a:pt x="1202531" y="280606"/>
                </a:moveTo>
                <a:cubicBezTo>
                  <a:pt x="1092327" y="280606"/>
                  <a:pt x="1012126" y="350710"/>
                  <a:pt x="992124" y="491014"/>
                </a:cubicBezTo>
                <a:lnTo>
                  <a:pt x="1402937" y="491014"/>
                </a:lnTo>
                <a:cubicBezTo>
                  <a:pt x="1392937" y="350710"/>
                  <a:pt x="1312735" y="280606"/>
                  <a:pt x="1202531" y="280606"/>
                </a:cubicBezTo>
                <a:close/>
                <a:moveTo>
                  <a:pt x="3106579" y="280511"/>
                </a:moveTo>
                <a:cubicBezTo>
                  <a:pt x="2966276" y="280511"/>
                  <a:pt x="2886075" y="380714"/>
                  <a:pt x="2886075" y="551116"/>
                </a:cubicBezTo>
                <a:cubicBezTo>
                  <a:pt x="2886075" y="711422"/>
                  <a:pt x="2966276" y="821721"/>
                  <a:pt x="3106579" y="821721"/>
                </a:cubicBezTo>
                <a:cubicBezTo>
                  <a:pt x="3236881" y="821721"/>
                  <a:pt x="3316986" y="711517"/>
                  <a:pt x="3316986" y="551116"/>
                </a:cubicBezTo>
                <a:cubicBezTo>
                  <a:pt x="3316986" y="380714"/>
                  <a:pt x="3236786" y="280511"/>
                  <a:pt x="3106579" y="280511"/>
                </a:cubicBezTo>
                <a:close/>
                <a:moveTo>
                  <a:pt x="5020532" y="270509"/>
                </a:moveTo>
                <a:cubicBezTo>
                  <a:pt x="4890230" y="270509"/>
                  <a:pt x="4800028" y="400812"/>
                  <a:pt x="4800028" y="551116"/>
                </a:cubicBezTo>
                <a:cubicBezTo>
                  <a:pt x="4800028" y="701421"/>
                  <a:pt x="4890230" y="821721"/>
                  <a:pt x="5020532" y="821721"/>
                </a:cubicBezTo>
                <a:cubicBezTo>
                  <a:pt x="5140738" y="821721"/>
                  <a:pt x="5220938" y="711517"/>
                  <a:pt x="5220938" y="541115"/>
                </a:cubicBezTo>
                <a:cubicBezTo>
                  <a:pt x="5220938" y="380809"/>
                  <a:pt x="5140738" y="270509"/>
                  <a:pt x="5020532" y="270509"/>
                </a:cubicBezTo>
                <a:close/>
                <a:moveTo>
                  <a:pt x="6824376" y="190404"/>
                </a:moveTo>
                <a:lnTo>
                  <a:pt x="6964680" y="190404"/>
                </a:lnTo>
                <a:lnTo>
                  <a:pt x="7135082" y="661415"/>
                </a:lnTo>
                <a:cubicBezTo>
                  <a:pt x="7145083" y="701516"/>
                  <a:pt x="7155084" y="741616"/>
                  <a:pt x="7165181" y="791717"/>
                </a:cubicBezTo>
                <a:lnTo>
                  <a:pt x="7175182" y="791717"/>
                </a:lnTo>
                <a:cubicBezTo>
                  <a:pt x="7185183" y="741616"/>
                  <a:pt x="7195185" y="701516"/>
                  <a:pt x="7205281" y="661415"/>
                </a:cubicBezTo>
                <a:lnTo>
                  <a:pt x="7375683" y="190404"/>
                </a:lnTo>
                <a:lnTo>
                  <a:pt x="7505700" y="190404"/>
                </a:lnTo>
                <a:lnTo>
                  <a:pt x="7245191" y="881824"/>
                </a:lnTo>
                <a:cubicBezTo>
                  <a:pt x="7205091" y="982027"/>
                  <a:pt x="7114889" y="1142333"/>
                  <a:pt x="6954583" y="1142333"/>
                </a:cubicBezTo>
                <a:cubicBezTo>
                  <a:pt x="6904482" y="1142333"/>
                  <a:pt x="6874382" y="1132331"/>
                  <a:pt x="6864381" y="1122330"/>
                </a:cubicBezTo>
                <a:lnTo>
                  <a:pt x="6864381" y="1022127"/>
                </a:lnTo>
                <a:cubicBezTo>
                  <a:pt x="6884384" y="1032128"/>
                  <a:pt x="6914483" y="1042130"/>
                  <a:pt x="6944582" y="1042130"/>
                </a:cubicBezTo>
                <a:cubicBezTo>
                  <a:pt x="7034784" y="1042130"/>
                  <a:pt x="7084885" y="982027"/>
                  <a:pt x="7114984" y="921924"/>
                </a:cubicBezTo>
                <a:close/>
                <a:moveTo>
                  <a:pt x="6533769" y="180403"/>
                </a:moveTo>
                <a:cubicBezTo>
                  <a:pt x="6674072" y="180403"/>
                  <a:pt x="6774275" y="280606"/>
                  <a:pt x="6774275" y="420909"/>
                </a:cubicBezTo>
                <a:lnTo>
                  <a:pt x="6774180" y="420909"/>
                </a:lnTo>
                <a:lnTo>
                  <a:pt x="6774180" y="901922"/>
                </a:lnTo>
                <a:lnTo>
                  <a:pt x="6653974" y="901922"/>
                </a:lnTo>
                <a:lnTo>
                  <a:pt x="6653974" y="451008"/>
                </a:lnTo>
                <a:cubicBezTo>
                  <a:pt x="6653974" y="340804"/>
                  <a:pt x="6593871" y="280606"/>
                  <a:pt x="6503669" y="280606"/>
                </a:cubicBezTo>
                <a:cubicBezTo>
                  <a:pt x="6383464" y="280606"/>
                  <a:pt x="6303263" y="370808"/>
                  <a:pt x="6303263" y="541115"/>
                </a:cubicBezTo>
                <a:lnTo>
                  <a:pt x="6303263" y="901827"/>
                </a:lnTo>
                <a:lnTo>
                  <a:pt x="6183058" y="901827"/>
                </a:lnTo>
                <a:lnTo>
                  <a:pt x="6183058" y="190404"/>
                </a:lnTo>
                <a:lnTo>
                  <a:pt x="6303263" y="190404"/>
                </a:lnTo>
                <a:lnTo>
                  <a:pt x="6303263" y="360807"/>
                </a:lnTo>
                <a:cubicBezTo>
                  <a:pt x="6323266" y="240601"/>
                  <a:pt x="6423469" y="180403"/>
                  <a:pt x="6533769" y="180403"/>
                </a:cubicBezTo>
                <a:close/>
                <a:moveTo>
                  <a:pt x="5731859" y="180403"/>
                </a:moveTo>
                <a:cubicBezTo>
                  <a:pt x="5912262" y="180403"/>
                  <a:pt x="6012465" y="260604"/>
                  <a:pt x="6012465" y="420909"/>
                </a:cubicBezTo>
                <a:lnTo>
                  <a:pt x="6012465" y="741616"/>
                </a:lnTo>
                <a:cubicBezTo>
                  <a:pt x="6012465" y="811720"/>
                  <a:pt x="6042564" y="821817"/>
                  <a:pt x="6062566" y="821817"/>
                </a:cubicBezTo>
                <a:cubicBezTo>
                  <a:pt x="6082569" y="821817"/>
                  <a:pt x="6102667" y="811815"/>
                  <a:pt x="6122669" y="811815"/>
                </a:cubicBezTo>
                <a:lnTo>
                  <a:pt x="6122765" y="811720"/>
                </a:lnTo>
                <a:lnTo>
                  <a:pt x="6122765" y="901922"/>
                </a:lnTo>
                <a:cubicBezTo>
                  <a:pt x="6092666" y="911923"/>
                  <a:pt x="6062662" y="911923"/>
                  <a:pt x="6032563" y="911923"/>
                </a:cubicBezTo>
                <a:cubicBezTo>
                  <a:pt x="5932360" y="911923"/>
                  <a:pt x="5892259" y="851820"/>
                  <a:pt x="5892259" y="771620"/>
                </a:cubicBezTo>
                <a:lnTo>
                  <a:pt x="5892259" y="741521"/>
                </a:lnTo>
                <a:lnTo>
                  <a:pt x="5882258" y="741521"/>
                </a:lnTo>
                <a:cubicBezTo>
                  <a:pt x="5852160" y="851725"/>
                  <a:pt x="5762053" y="921924"/>
                  <a:pt x="5641752" y="921924"/>
                </a:cubicBezTo>
                <a:cubicBezTo>
                  <a:pt x="5521451" y="921924"/>
                  <a:pt x="5421248" y="861822"/>
                  <a:pt x="5421248" y="731520"/>
                </a:cubicBezTo>
                <a:cubicBezTo>
                  <a:pt x="5421248" y="561117"/>
                  <a:pt x="5571553" y="541115"/>
                  <a:pt x="5711856" y="521112"/>
                </a:cubicBezTo>
                <a:cubicBezTo>
                  <a:pt x="5822060" y="501110"/>
                  <a:pt x="5882258" y="481012"/>
                  <a:pt x="5882258" y="390810"/>
                </a:cubicBezTo>
                <a:cubicBezTo>
                  <a:pt x="5882258" y="330708"/>
                  <a:pt x="5842158" y="270605"/>
                  <a:pt x="5731954" y="270605"/>
                </a:cubicBezTo>
                <a:cubicBezTo>
                  <a:pt x="5621750" y="270605"/>
                  <a:pt x="5561552" y="320706"/>
                  <a:pt x="5561552" y="430911"/>
                </a:cubicBezTo>
                <a:lnTo>
                  <a:pt x="5431250" y="430911"/>
                </a:lnTo>
                <a:cubicBezTo>
                  <a:pt x="5441251" y="270605"/>
                  <a:pt x="5541454" y="180403"/>
                  <a:pt x="5731859" y="180403"/>
                </a:cubicBezTo>
                <a:close/>
                <a:moveTo>
                  <a:pt x="5050631" y="180403"/>
                </a:moveTo>
                <a:cubicBezTo>
                  <a:pt x="5231035" y="180403"/>
                  <a:pt x="5351240" y="330708"/>
                  <a:pt x="5351240" y="541115"/>
                </a:cubicBezTo>
                <a:cubicBezTo>
                  <a:pt x="5351240" y="761619"/>
                  <a:pt x="5220938" y="921924"/>
                  <a:pt x="5050631" y="921924"/>
                </a:cubicBezTo>
                <a:cubicBezTo>
                  <a:pt x="4940427" y="921924"/>
                  <a:pt x="4840224" y="861822"/>
                  <a:pt x="4810125" y="741521"/>
                </a:cubicBezTo>
                <a:lnTo>
                  <a:pt x="4800124" y="741521"/>
                </a:lnTo>
                <a:lnTo>
                  <a:pt x="4800124" y="1142333"/>
                </a:lnTo>
                <a:lnTo>
                  <a:pt x="4679918" y="1142333"/>
                </a:lnTo>
                <a:lnTo>
                  <a:pt x="4679918" y="190404"/>
                </a:lnTo>
                <a:lnTo>
                  <a:pt x="4800124" y="190404"/>
                </a:lnTo>
                <a:lnTo>
                  <a:pt x="4800124" y="360807"/>
                </a:lnTo>
                <a:lnTo>
                  <a:pt x="4810125" y="360807"/>
                </a:lnTo>
                <a:cubicBezTo>
                  <a:pt x="4840224" y="240601"/>
                  <a:pt x="4940427" y="180403"/>
                  <a:pt x="5050631" y="180403"/>
                </a:cubicBezTo>
                <a:close/>
                <a:moveTo>
                  <a:pt x="3888010" y="180403"/>
                </a:moveTo>
                <a:cubicBezTo>
                  <a:pt x="3988212" y="180403"/>
                  <a:pt x="4078414" y="240506"/>
                  <a:pt x="4108513" y="360807"/>
                </a:cubicBezTo>
                <a:cubicBezTo>
                  <a:pt x="4138612" y="230505"/>
                  <a:pt x="4238815" y="180403"/>
                  <a:pt x="4329017" y="180403"/>
                </a:cubicBezTo>
                <a:cubicBezTo>
                  <a:pt x="4459319" y="180403"/>
                  <a:pt x="4569523" y="270605"/>
                  <a:pt x="4569523" y="420909"/>
                </a:cubicBezTo>
                <a:lnTo>
                  <a:pt x="4569523" y="901922"/>
                </a:lnTo>
                <a:lnTo>
                  <a:pt x="4439221" y="901922"/>
                </a:lnTo>
                <a:lnTo>
                  <a:pt x="4439221" y="430911"/>
                </a:lnTo>
                <a:cubicBezTo>
                  <a:pt x="4439221" y="340709"/>
                  <a:pt x="4379119" y="280606"/>
                  <a:pt x="4298918" y="280606"/>
                </a:cubicBezTo>
                <a:cubicBezTo>
                  <a:pt x="4188714" y="280606"/>
                  <a:pt x="4118515" y="370808"/>
                  <a:pt x="4118515" y="541115"/>
                </a:cubicBezTo>
                <a:lnTo>
                  <a:pt x="4118515" y="901827"/>
                </a:lnTo>
                <a:lnTo>
                  <a:pt x="3988212" y="901827"/>
                </a:lnTo>
                <a:lnTo>
                  <a:pt x="3988212" y="430815"/>
                </a:lnTo>
                <a:cubicBezTo>
                  <a:pt x="3988212" y="340613"/>
                  <a:pt x="3928110" y="280511"/>
                  <a:pt x="3847909" y="280511"/>
                </a:cubicBezTo>
                <a:cubicBezTo>
                  <a:pt x="3737705" y="280511"/>
                  <a:pt x="3657504" y="390715"/>
                  <a:pt x="3657504" y="541020"/>
                </a:cubicBezTo>
                <a:lnTo>
                  <a:pt x="3657504" y="901731"/>
                </a:lnTo>
                <a:lnTo>
                  <a:pt x="3537299" y="901731"/>
                </a:lnTo>
                <a:lnTo>
                  <a:pt x="3537299" y="190404"/>
                </a:lnTo>
                <a:lnTo>
                  <a:pt x="3657504" y="190404"/>
                </a:lnTo>
                <a:lnTo>
                  <a:pt x="3657504" y="360807"/>
                </a:lnTo>
                <a:cubicBezTo>
                  <a:pt x="3687603" y="240601"/>
                  <a:pt x="3777710" y="180403"/>
                  <a:pt x="3888010" y="180403"/>
                </a:cubicBezTo>
                <a:close/>
                <a:moveTo>
                  <a:pt x="3106484" y="180308"/>
                </a:moveTo>
                <a:cubicBezTo>
                  <a:pt x="3326892" y="180308"/>
                  <a:pt x="3447193" y="330612"/>
                  <a:pt x="3447193" y="551116"/>
                </a:cubicBezTo>
                <a:cubicBezTo>
                  <a:pt x="3447193" y="771620"/>
                  <a:pt x="3316891" y="921925"/>
                  <a:pt x="3106484" y="921925"/>
                </a:cubicBezTo>
                <a:cubicBezTo>
                  <a:pt x="2896076" y="921925"/>
                  <a:pt x="2755773" y="771620"/>
                  <a:pt x="2755773" y="551116"/>
                </a:cubicBezTo>
                <a:cubicBezTo>
                  <a:pt x="2755773" y="330612"/>
                  <a:pt x="2886075" y="180308"/>
                  <a:pt x="3106484" y="180308"/>
                </a:cubicBezTo>
                <a:close/>
                <a:moveTo>
                  <a:pt x="2354865" y="180308"/>
                </a:moveTo>
                <a:cubicBezTo>
                  <a:pt x="2535268" y="180308"/>
                  <a:pt x="2665475" y="290512"/>
                  <a:pt x="2675572" y="460915"/>
                </a:cubicBezTo>
                <a:lnTo>
                  <a:pt x="2545270" y="460915"/>
                </a:lnTo>
                <a:cubicBezTo>
                  <a:pt x="2535268" y="360711"/>
                  <a:pt x="2485167" y="280511"/>
                  <a:pt x="2354865" y="280511"/>
                </a:cubicBezTo>
                <a:cubicBezTo>
                  <a:pt x="2224563" y="280511"/>
                  <a:pt x="2134361" y="390715"/>
                  <a:pt x="2134361" y="551116"/>
                </a:cubicBezTo>
                <a:cubicBezTo>
                  <a:pt x="2134361" y="711517"/>
                  <a:pt x="2224563" y="821721"/>
                  <a:pt x="2354865" y="821721"/>
                </a:cubicBezTo>
                <a:cubicBezTo>
                  <a:pt x="2465069" y="821721"/>
                  <a:pt x="2535268" y="751618"/>
                  <a:pt x="2555271" y="631317"/>
                </a:cubicBezTo>
                <a:lnTo>
                  <a:pt x="2675476" y="631317"/>
                </a:lnTo>
                <a:cubicBezTo>
                  <a:pt x="2665475" y="811720"/>
                  <a:pt x="2535173" y="921925"/>
                  <a:pt x="2354770" y="921925"/>
                </a:cubicBezTo>
                <a:cubicBezTo>
                  <a:pt x="2154363" y="921925"/>
                  <a:pt x="2004059" y="771620"/>
                  <a:pt x="2004059" y="551116"/>
                </a:cubicBezTo>
                <a:lnTo>
                  <a:pt x="2004154" y="551116"/>
                </a:lnTo>
                <a:cubicBezTo>
                  <a:pt x="2004154" y="330612"/>
                  <a:pt x="2144458" y="180308"/>
                  <a:pt x="2354865" y="180308"/>
                </a:cubicBezTo>
                <a:close/>
                <a:moveTo>
                  <a:pt x="1202721" y="180308"/>
                </a:moveTo>
                <a:cubicBezTo>
                  <a:pt x="1413129" y="180308"/>
                  <a:pt x="1533429" y="340614"/>
                  <a:pt x="1533429" y="561118"/>
                </a:cubicBezTo>
                <a:lnTo>
                  <a:pt x="1533429" y="581120"/>
                </a:lnTo>
                <a:lnTo>
                  <a:pt x="1533239" y="581215"/>
                </a:lnTo>
                <a:lnTo>
                  <a:pt x="992124" y="581215"/>
                </a:lnTo>
                <a:cubicBezTo>
                  <a:pt x="1002126" y="731520"/>
                  <a:pt x="1092327" y="821721"/>
                  <a:pt x="1212627" y="821721"/>
                </a:cubicBezTo>
                <a:cubicBezTo>
                  <a:pt x="1302829" y="821721"/>
                  <a:pt x="1383029" y="771620"/>
                  <a:pt x="1393031" y="691419"/>
                </a:cubicBezTo>
                <a:lnTo>
                  <a:pt x="1523333" y="691419"/>
                </a:lnTo>
                <a:cubicBezTo>
                  <a:pt x="1503330" y="831723"/>
                  <a:pt x="1373028" y="921925"/>
                  <a:pt x="1212723" y="921925"/>
                </a:cubicBezTo>
                <a:cubicBezTo>
                  <a:pt x="1002315" y="921925"/>
                  <a:pt x="862012" y="781621"/>
                  <a:pt x="862012" y="551116"/>
                </a:cubicBezTo>
                <a:cubicBezTo>
                  <a:pt x="862012" y="340709"/>
                  <a:pt x="992314" y="180308"/>
                  <a:pt x="1202721" y="180308"/>
                </a:cubicBezTo>
                <a:close/>
                <a:moveTo>
                  <a:pt x="1673447" y="0"/>
                </a:moveTo>
                <a:lnTo>
                  <a:pt x="1803749" y="0"/>
                </a:lnTo>
                <a:lnTo>
                  <a:pt x="1803749" y="190405"/>
                </a:lnTo>
                <a:lnTo>
                  <a:pt x="1954053" y="190405"/>
                </a:lnTo>
                <a:lnTo>
                  <a:pt x="1954053" y="290608"/>
                </a:lnTo>
                <a:lnTo>
                  <a:pt x="1803749" y="290608"/>
                </a:lnTo>
                <a:lnTo>
                  <a:pt x="1803749" y="711518"/>
                </a:lnTo>
                <a:cubicBezTo>
                  <a:pt x="1803749" y="791718"/>
                  <a:pt x="1833848" y="821722"/>
                  <a:pt x="1883949" y="821722"/>
                </a:cubicBezTo>
                <a:cubicBezTo>
                  <a:pt x="1914049" y="821722"/>
                  <a:pt x="1934051" y="811721"/>
                  <a:pt x="1954053" y="801719"/>
                </a:cubicBezTo>
                <a:lnTo>
                  <a:pt x="1954053" y="901922"/>
                </a:lnTo>
                <a:cubicBezTo>
                  <a:pt x="1934051" y="911924"/>
                  <a:pt x="1903952" y="921925"/>
                  <a:pt x="1873853" y="921925"/>
                </a:cubicBezTo>
                <a:cubicBezTo>
                  <a:pt x="1753648" y="921925"/>
                  <a:pt x="1673447" y="861822"/>
                  <a:pt x="1673447" y="721519"/>
                </a:cubicBezTo>
                <a:lnTo>
                  <a:pt x="1673447" y="290608"/>
                </a:lnTo>
                <a:lnTo>
                  <a:pt x="1573244" y="290608"/>
                </a:lnTo>
                <a:lnTo>
                  <a:pt x="1573244" y="190405"/>
                </a:lnTo>
                <a:lnTo>
                  <a:pt x="1673447" y="190405"/>
                </a:lnTo>
                <a:close/>
                <a:moveTo>
                  <a:pt x="0" y="0"/>
                </a:moveTo>
                <a:lnTo>
                  <a:pt x="160306" y="0"/>
                </a:lnTo>
                <a:lnTo>
                  <a:pt x="561118" y="621316"/>
                </a:lnTo>
                <a:cubicBezTo>
                  <a:pt x="591217" y="671417"/>
                  <a:pt x="621221" y="721519"/>
                  <a:pt x="641318" y="761619"/>
                </a:cubicBezTo>
                <a:lnTo>
                  <a:pt x="641318" y="0"/>
                </a:lnTo>
                <a:lnTo>
                  <a:pt x="761524" y="0"/>
                </a:lnTo>
                <a:lnTo>
                  <a:pt x="761524" y="901922"/>
                </a:lnTo>
                <a:lnTo>
                  <a:pt x="601218" y="901922"/>
                </a:lnTo>
                <a:lnTo>
                  <a:pt x="200406" y="290608"/>
                </a:lnTo>
                <a:cubicBezTo>
                  <a:pt x="170307" y="240506"/>
                  <a:pt x="140304" y="190405"/>
                  <a:pt x="130302" y="150305"/>
                </a:cubicBezTo>
                <a:lnTo>
                  <a:pt x="120302" y="150305"/>
                </a:lnTo>
                <a:cubicBezTo>
                  <a:pt x="130302" y="190405"/>
                  <a:pt x="130302" y="250508"/>
                  <a:pt x="130302" y="310610"/>
                </a:cubicBezTo>
                <a:lnTo>
                  <a:pt x="130302" y="901827"/>
                </a:lnTo>
                <a:lnTo>
                  <a:pt x="0" y="901827"/>
                </a:lnTo>
                <a:close/>
              </a:path>
            </a:pathLst>
          </a:custGeom>
          <a:solidFill>
            <a:srgbClr val="141E1E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7" r:id="rId1"/>
    <p:sldLayoutId id="2147483732" r:id="rId2"/>
    <p:sldLayoutId id="2147483821" r:id="rId3"/>
    <p:sldLayoutId id="2147483755" r:id="rId4"/>
    <p:sldLayoutId id="2147483798" r:id="rId5"/>
    <p:sldLayoutId id="2147483799" r:id="rId6"/>
    <p:sldLayoutId id="2147483801" r:id="rId7"/>
    <p:sldLayoutId id="2147483757" r:id="rId8"/>
    <p:sldLayoutId id="2147483800" r:id="rId9"/>
    <p:sldLayoutId id="2147483822" r:id="rId10"/>
    <p:sldLayoutId id="2147483823" r:id="rId11"/>
    <p:sldLayoutId id="2147483794" r:id="rId12"/>
    <p:sldLayoutId id="2147483795" r:id="rId13"/>
    <p:sldLayoutId id="2147483828" r:id="rId14"/>
    <p:sldLayoutId id="2147483809" r:id="rId15"/>
    <p:sldLayoutId id="2147483824" r:id="rId16"/>
    <p:sldLayoutId id="2147483808" r:id="rId17"/>
    <p:sldLayoutId id="2147483812" r:id="rId18"/>
    <p:sldLayoutId id="2147483813" r:id="rId19"/>
    <p:sldLayoutId id="2147483830" r:id="rId20"/>
    <p:sldLayoutId id="2147483803" r:id="rId21"/>
    <p:sldLayoutId id="2147483802" r:id="rId22"/>
    <p:sldLayoutId id="2147483826" r:id="rId23"/>
    <p:sldLayoutId id="2147483807" r:id="rId24"/>
    <p:sldLayoutId id="2147483806" r:id="rId25"/>
    <p:sldLayoutId id="2147483827" r:id="rId26"/>
    <p:sldLayoutId id="2147483831" r:id="rId27"/>
    <p:sldLayoutId id="2147483772" r:id="rId28"/>
    <p:sldLayoutId id="2147483743" r:id="rId29"/>
    <p:sldLayoutId id="2147483744" r:id="rId30"/>
    <p:sldLayoutId id="2147483815" r:id="rId31"/>
    <p:sldLayoutId id="2147483816" r:id="rId32"/>
    <p:sldLayoutId id="2147483817" r:id="rId33"/>
    <p:sldLayoutId id="2147483765" r:id="rId34"/>
    <p:sldLayoutId id="2147483829" r:id="rId35"/>
    <p:sldLayoutId id="2147483814" r:id="rId36"/>
    <p:sldLayoutId id="2147483818" r:id="rId37"/>
  </p:sldLayoutIdLst>
  <p:hf hdr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3300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5"/>
        </a:buClr>
        <a:buSzPct val="70000"/>
        <a:buFont typeface="Wingdings" panose="05000000000000000000" pitchFamily="2" charset="2"/>
        <a:buChar char="n"/>
        <a:defRPr sz="1800" kern="1200" spc="0" baseline="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tx1"/>
        </a:buClr>
        <a:buSzPct val="70000"/>
        <a:buFont typeface="Wingdings" panose="05000000000000000000" pitchFamily="2" charset="2"/>
        <a:buChar char="n"/>
        <a:defRPr sz="1800" kern="1200" spc="0" baseline="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tx1"/>
        </a:buClr>
        <a:buSzPct val="70000"/>
        <a:buFont typeface="Wingdings" panose="05000000000000000000" pitchFamily="2" charset="2"/>
        <a:buChar char="n"/>
        <a:defRPr sz="1800" kern="1200" spc="0" baseline="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8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2200" b="0" kern="1200" spc="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8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tabLst/>
        <a:defRPr sz="2200" b="1" kern="1200" spc="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500" kern="1200" spc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0" kern="1200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4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3300" kern="1200" spc="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400" kern="1200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17" userDrawn="1">
          <p15:clr>
            <a:srgbClr val="A4A3A4"/>
          </p15:clr>
        </p15:guide>
        <p15:guide id="2" pos="1890" userDrawn="1">
          <p15:clr>
            <a:srgbClr val="A4A3A4"/>
          </p15:clr>
        </p15:guide>
        <p15:guide id="3" orient="horz" pos="117" userDrawn="1">
          <p15:clr>
            <a:srgbClr val="A4A3A4"/>
          </p15:clr>
        </p15:guide>
        <p15:guide id="4" orient="horz" pos="4202" userDrawn="1">
          <p15:clr>
            <a:srgbClr val="A4A3A4"/>
          </p15:clr>
        </p15:guide>
        <p15:guide id="5" pos="2008" userDrawn="1">
          <p15:clr>
            <a:srgbClr val="A4A3A4"/>
          </p15:clr>
        </p15:guide>
        <p15:guide id="6" pos="3781" userDrawn="1">
          <p15:clr>
            <a:srgbClr val="A4A3A4"/>
          </p15:clr>
        </p15:guide>
        <p15:guide id="7" pos="3898" userDrawn="1">
          <p15:clr>
            <a:srgbClr val="A4A3A4"/>
          </p15:clr>
        </p15:guide>
        <p15:guide id="8" pos="5671" userDrawn="1">
          <p15:clr>
            <a:srgbClr val="A4A3A4"/>
          </p15:clr>
        </p15:guide>
        <p15:guide id="9" pos="5789" userDrawn="1">
          <p15:clr>
            <a:srgbClr val="A4A3A4"/>
          </p15:clr>
        </p15:guide>
        <p15:guide id="10" pos="7562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72.xml"/><Relationship Id="rId1" Type="http://schemas.openxmlformats.org/officeDocument/2006/relationships/customXml" Target="../../customXml/item5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75.xml"/><Relationship Id="rId4" Type="http://schemas.openxmlformats.org/officeDocument/2006/relationships/notesSlide" Target="../notesSlides/notesSlide1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0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21.png"/><Relationship Id="rId5" Type="http://schemas.openxmlformats.org/officeDocument/2006/relationships/image" Target="../media/image20.png"/><Relationship Id="rId4" Type="http://schemas.openxmlformats.org/officeDocument/2006/relationships/notesSlide" Target="../notesSlides/notesSlide1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69.xml"/><Relationship Id="rId5" Type="http://schemas.openxmlformats.org/officeDocument/2006/relationships/image" Target="../media/image22.png"/><Relationship Id="rId4" Type="http://schemas.openxmlformats.org/officeDocument/2006/relationships/notesSlide" Target="../notesSlides/notesSlide1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02.xml"/><Relationship Id="rId4" Type="http://schemas.openxmlformats.org/officeDocument/2006/relationships/notesSlide" Target="../notesSlides/notesSlide1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4.xml"/><Relationship Id="rId1" Type="http://schemas.openxmlformats.org/officeDocument/2006/relationships/customXml" Target="../../customXml/item88.xml"/><Relationship Id="rId5" Type="http://schemas.openxmlformats.org/officeDocument/2006/relationships/image" Target="../media/image23.png"/><Relationship Id="rId4" Type="http://schemas.openxmlformats.org/officeDocument/2006/relationships/notesSlide" Target="../notesSlides/notesSlide1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09.xml"/><Relationship Id="rId5" Type="http://schemas.openxmlformats.org/officeDocument/2006/relationships/image" Target="../media/image24.png"/><Relationship Id="rId4" Type="http://schemas.openxmlformats.org/officeDocument/2006/relationships/notesSlide" Target="../notesSlides/notesSlide1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55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notesSlide" Target="../notesSlides/notesSlide1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29.png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7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notesSlide" Target="../notesSlides/notesSlide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00.xml"/><Relationship Id="rId5" Type="http://schemas.openxmlformats.org/officeDocument/2006/relationships/image" Target="../media/image30.png"/><Relationship Id="rId4" Type="http://schemas.openxmlformats.org/officeDocument/2006/relationships/notesSlide" Target="../notesSlides/notesSlide18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86.xml"/><Relationship Id="rId1" Type="http://schemas.openxmlformats.org/officeDocument/2006/relationships/customXml" Target="../../customXml/item74.xml"/><Relationship Id="rId4" Type="http://schemas.openxmlformats.org/officeDocument/2006/relationships/notesSlide" Target="../notesSlides/notesSlide1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82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2.png"/><Relationship Id="rId2" Type="http://schemas.openxmlformats.org/officeDocument/2006/relationships/customXml" Target="../../customXml/item90.xml"/><Relationship Id="rId1" Type="http://schemas.openxmlformats.org/officeDocument/2006/relationships/customXml" Target="../../customXml/item97.xml"/><Relationship Id="rId6" Type="http://schemas.openxmlformats.org/officeDocument/2006/relationships/image" Target="../media/image31.png"/><Relationship Id="rId5" Type="http://schemas.openxmlformats.org/officeDocument/2006/relationships/hyperlink" Target="https://github.com/joffrey-bion/fx-gson" TargetMode="External"/><Relationship Id="rId4" Type="http://schemas.openxmlformats.org/officeDocument/2006/relationships/notesSlide" Target="../notesSlides/notesSlide20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5.xml"/><Relationship Id="rId4" Type="http://schemas.openxmlformats.org/officeDocument/2006/relationships/notesSlide" Target="../notesSlides/notesSlide21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24.xml"/><Relationship Id="rId5" Type="http://schemas.openxmlformats.org/officeDocument/2006/relationships/hyperlink" Target="https://docs.oracle.com/javafx/2/threads/jfxpub-threads.htm" TargetMode="External"/><Relationship Id="rId4" Type="http://schemas.openxmlformats.org/officeDocument/2006/relationships/notesSlide" Target="../notesSlides/notesSlide2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64.xml"/><Relationship Id="rId4" Type="http://schemas.openxmlformats.org/officeDocument/2006/relationships/notesSlide" Target="../notesSlides/notesSlide2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19.xml"/><Relationship Id="rId4" Type="http://schemas.openxmlformats.org/officeDocument/2006/relationships/notesSlide" Target="../notesSlides/notesSlide24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5.png"/><Relationship Id="rId2" Type="http://schemas.openxmlformats.org/officeDocument/2006/relationships/customXml" Target="../../customXml/item92.xml"/><Relationship Id="rId1" Type="http://schemas.openxmlformats.org/officeDocument/2006/relationships/customXml" Target="../../customXml/item52.xml"/><Relationship Id="rId6" Type="http://schemas.openxmlformats.org/officeDocument/2006/relationships/image" Target="../media/image34.png"/><Relationship Id="rId5" Type="http://schemas.openxmlformats.org/officeDocument/2006/relationships/image" Target="../media/image33.png"/><Relationship Id="rId4" Type="http://schemas.openxmlformats.org/officeDocument/2006/relationships/notesSlide" Target="../notesSlides/notesSlide25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66.xml"/><Relationship Id="rId4" Type="http://schemas.openxmlformats.org/officeDocument/2006/relationships/notesSlide" Target="../notesSlides/notesSlide2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27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6.png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98.xml"/><Relationship Id="rId6" Type="http://schemas.openxmlformats.org/officeDocument/2006/relationships/hyperlink" Target="https://eugener.github.io/javafx-css/" TargetMode="External"/><Relationship Id="rId5" Type="http://schemas.openxmlformats.org/officeDocument/2006/relationships/hyperlink" Target="https://docs.oracle.com/javafx/2/api/javafx/scene/doc-files/cssref.html" TargetMode="External"/><Relationship Id="rId4" Type="http://schemas.openxmlformats.org/officeDocument/2006/relationships/notesSlide" Target="../notesSlides/notesSlide28.xml"/></Relationships>
</file>

<file path=ppt/slides/_rels/slide29.xml.rels><?xml version="1.0" encoding="UTF-8" standalone="yes"?>
<Relationships xmlns="http://schemas.openxmlformats.org/package/2006/relationships"><Relationship Id="rId8" Type="http://schemas.openxmlformats.org/officeDocument/2006/relationships/image" Target="../media/image40.jpe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39.jpeg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5.xml"/><Relationship Id="rId6" Type="http://schemas.openxmlformats.org/officeDocument/2006/relationships/image" Target="../media/image38.jpeg"/><Relationship Id="rId5" Type="http://schemas.openxmlformats.org/officeDocument/2006/relationships/image" Target="../media/image37.jpeg"/><Relationship Id="rId4" Type="http://schemas.openxmlformats.org/officeDocument/2006/relationships/notesSlide" Target="../notesSlides/notesSlide29.xml"/><Relationship Id="rId9" Type="http://schemas.openxmlformats.org/officeDocument/2006/relationships/image" Target="../media/image41.jpe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0.png"/><Relationship Id="rId2" Type="http://schemas.openxmlformats.org/officeDocument/2006/relationships/customXml" Target="../../customXml/item95.xml"/><Relationship Id="rId1" Type="http://schemas.openxmlformats.org/officeDocument/2006/relationships/customXml" Target="../../customXml/item68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notesSlide" Target="../notesSlides/notesSlide3.xml"/><Relationship Id="rId9" Type="http://schemas.openxmlformats.org/officeDocument/2006/relationships/image" Target="../media/image12.png"/></Relationships>
</file>

<file path=ppt/slides/_rels/slide30.xml.rels><?xml version="1.0" encoding="UTF-8" standalone="yes"?>
<Relationships xmlns="http://schemas.openxmlformats.org/package/2006/relationships"><Relationship Id="rId3" Type="http://schemas.microsoft.com/office/2007/relationships/media" Target="../media/media1.mkv"/><Relationship Id="rId7" Type="http://schemas.openxmlformats.org/officeDocument/2006/relationships/image" Target="../media/image42.png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34.xml"/><Relationship Id="rId6" Type="http://schemas.openxmlformats.org/officeDocument/2006/relationships/notesSlide" Target="../notesSlides/notesSlide30.xml"/><Relationship Id="rId5" Type="http://schemas.openxmlformats.org/officeDocument/2006/relationships/slideLayout" Target="../slideLayouts/slideLayout1.xml"/><Relationship Id="rId4" Type="http://schemas.openxmlformats.org/officeDocument/2006/relationships/video" Target="../media/media1.mkv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06.xml"/><Relationship Id="rId1" Type="http://schemas.openxmlformats.org/officeDocument/2006/relationships/customXml" Target="../../customXml/item13.xml"/><Relationship Id="rId4" Type="http://schemas.openxmlformats.org/officeDocument/2006/relationships/notesSlide" Target="../notesSlides/notesSlide31.xml"/></Relationships>
</file>

<file path=ppt/slides/_rels/slide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4.pn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43.pn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3.xml"/><Relationship Id="rId6" Type="http://schemas.openxmlformats.org/officeDocument/2006/relationships/hyperlink" Target="https://openjfx.io/" TargetMode="External"/><Relationship Id="rId5" Type="http://schemas.openxmlformats.org/officeDocument/2006/relationships/hyperlink" Target="https://gluonhq.com/products/gluonfx/" TargetMode="External"/><Relationship Id="rId4" Type="http://schemas.openxmlformats.org/officeDocument/2006/relationships/notesSlide" Target="../notesSlides/notesSlide32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8.xml"/><Relationship Id="rId4" Type="http://schemas.openxmlformats.org/officeDocument/2006/relationships/notesSlide" Target="../notesSlides/notesSlide3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5.xml"/><Relationship Id="rId1" Type="http://schemas.openxmlformats.org/officeDocument/2006/relationships/customXml" Target="../../customXml/item103.xml"/><Relationship Id="rId6" Type="http://schemas.openxmlformats.org/officeDocument/2006/relationships/hyperlink" Target="common-problems-for-beginners-deepseek.html" TargetMode="External"/><Relationship Id="rId5" Type="http://schemas.openxmlformats.org/officeDocument/2006/relationships/hyperlink" Target="commons-problems-for-beginners-cortex.html" TargetMode="External"/><Relationship Id="rId4" Type="http://schemas.openxmlformats.org/officeDocument/2006/relationships/notesSlide" Target="../notesSlides/notesSlide34.xml"/></Relationships>
</file>

<file path=ppt/slides/_rels/slide35.xml.rels><?xml version="1.0" encoding="UTF-8" standalone="yes"?>
<Relationships xmlns="http://schemas.openxmlformats.org/package/2006/relationships"><Relationship Id="rId8" Type="http://schemas.openxmlformats.org/officeDocument/2006/relationships/hyperlink" Target="https://docs.oracle.com/javafx/2/threads/jfxpub-threads.htm" TargetMode="External"/><Relationship Id="rId13" Type="http://schemas.openxmlformats.org/officeDocument/2006/relationships/hyperlink" Target="https://github.com/TestFX/TestFX" TargetMode="External"/><Relationship Id="rId18" Type="http://schemas.openxmlformats.org/officeDocument/2006/relationships/hyperlink" Target="https://dzone.com/articles/20-examples-of-using-javas-completablefuture" TargetMode="External"/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gluonhq.com/" TargetMode="External"/><Relationship Id="rId12" Type="http://schemas.openxmlformats.org/officeDocument/2006/relationships/hyperlink" Target="https://dzone.com/articles/the-bean-class-for-javafx-programming" TargetMode="External"/><Relationship Id="rId17" Type="http://schemas.openxmlformats.org/officeDocument/2006/relationships/hyperlink" Target="https://www.jpro.one/" TargetMode="External"/><Relationship Id="rId2" Type="http://schemas.openxmlformats.org/officeDocument/2006/relationships/customXml" Target="../../customXml/item87.xml"/><Relationship Id="rId16" Type="http://schemas.openxmlformats.org/officeDocument/2006/relationships/hyperlink" Target="https://www.tutorialspoint.com/javafx/index.htm" TargetMode="External"/><Relationship Id="rId20" Type="http://schemas.openxmlformats.org/officeDocument/2006/relationships/hyperlink" Target="https://dzone.com/articles/exception-handling-in-java-completablefuture" TargetMode="External"/><Relationship Id="rId1" Type="http://schemas.openxmlformats.org/officeDocument/2006/relationships/customXml" Target="../../customXml/item40.xml"/><Relationship Id="rId6" Type="http://schemas.openxmlformats.org/officeDocument/2006/relationships/hyperlink" Target="https://openjfx.io/#community" TargetMode="External"/><Relationship Id="rId11" Type="http://schemas.openxmlformats.org/officeDocument/2006/relationships/hyperlink" Target="https://docs.oracle.com/javase/8/javase-clienttechnologies.htm" TargetMode="External"/><Relationship Id="rId5" Type="http://schemas.openxmlformats.org/officeDocument/2006/relationships/hyperlink" Target="https://docs.oracle.com/javase/8/javafx/get-started-tutorial/get_start_apps.htm" TargetMode="External"/><Relationship Id="rId15" Type="http://schemas.openxmlformats.org/officeDocument/2006/relationships/hyperlink" Target="https://controlsfx.github.io/" TargetMode="External"/><Relationship Id="rId10" Type="http://schemas.openxmlformats.org/officeDocument/2006/relationships/hyperlink" Target="https://docs.oracle.com/javase/8/javafx/properties-binding-tutorial/binding.htm" TargetMode="External"/><Relationship Id="rId19" Type="http://schemas.openxmlformats.org/officeDocument/2006/relationships/hyperlink" Target="https://dzone.com/articles/java-8-definitive-guide" TargetMode="External"/><Relationship Id="rId4" Type="http://schemas.openxmlformats.org/officeDocument/2006/relationships/notesSlide" Target="../notesSlides/notesSlide35.xml"/><Relationship Id="rId9" Type="http://schemas.openxmlformats.org/officeDocument/2006/relationships/hyperlink" Target="https://docs.oracle.com/javafx/2/binding/jfxpub-binding.htm" TargetMode="External"/><Relationship Id="rId14" Type="http://schemas.openxmlformats.org/officeDocument/2006/relationships/hyperlink" Target="https://mkpaz.github.io/atlantafx/" TargetMode="Externa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93.xml"/><Relationship Id="rId4" Type="http://schemas.openxmlformats.org/officeDocument/2006/relationships/notesSlide" Target="../notesSlides/notesSlide36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7.xml"/><Relationship Id="rId2" Type="http://schemas.openxmlformats.org/officeDocument/2006/relationships/customXml" Target="../../customXml/item94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3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79.xml"/><Relationship Id="rId1" Type="http://schemas.openxmlformats.org/officeDocument/2006/relationships/customXml" Target="../../customXml/item20.xml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96.xml"/><Relationship Id="rId4" Type="http://schemas.openxmlformats.org/officeDocument/2006/relationships/notesSlide" Target="../notesSlides/notesSlide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81.xml"/><Relationship Id="rId1" Type="http://schemas.openxmlformats.org/officeDocument/2006/relationships/customXml" Target="../../customXml/item73.xml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71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05.xml"/><Relationship Id="rId1" Type="http://schemas.openxmlformats.org/officeDocument/2006/relationships/customXml" Target="../../customXml/item107.xml"/><Relationship Id="rId5" Type="http://schemas.openxmlformats.org/officeDocument/2006/relationships/image" Target="../media/image16.png"/><Relationship Id="rId4" Type="http://schemas.openxmlformats.org/officeDocument/2006/relationships/notesSlide" Target="../notesSlides/notesSlide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9.png"/><Relationship Id="rId2" Type="http://schemas.openxmlformats.org/officeDocument/2006/relationships/customXml" Target="../../customXml/item89.xml"/><Relationship Id="rId1" Type="http://schemas.openxmlformats.org/officeDocument/2006/relationships/customXml" Target="../../customXml/item59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C583BC1-11AB-F347-57F1-9247C47F49C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JavaFX in Action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A000531-C148-22AE-45FA-C7FB04DCA23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GB" dirty="0"/>
              <a:t>2025-05-07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B0A3AF0-C07B-2D08-5786-1B15A52948BF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r>
              <a:rPr lang="en-GB" dirty="0"/>
              <a:t>Paweł Gawędzki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D9B366D-1157-B4A1-D399-F7F82D280F7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GB" dirty="0"/>
              <a:t>After Dark Bites &amp; Byt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41905459"/>
      </p:ext>
    </p:extLst>
  </p:cSld>
  <p:clrMapOvr>
    <a:masterClrMapping/>
  </p:clrMapOvr>
  <p:transition spd="slow">
    <p:push dir="u"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51BB953-54A9-AC04-8929-C920C0AF431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C7EDFFE-C666-FA7E-D501-9CB1A34BB3A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5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/>
              <a:t>FXML -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–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6FF8365-5140-693B-6BAB-F007784C73C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0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79158866"/>
      </p:ext>
    </p:extLst>
  </p:cSld>
  <p:clrMapOvr>
    <a:masterClrMapping/>
  </p:clrMapOvr>
  <p:transition spd="slow">
    <p:push dir="u"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D031FD8-A16B-F064-E43D-22D70F1290D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5BEC61C7-154A-0B36-8980-AECADE5041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FXM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F7AA756-0CF5-34BA-8A7D-18447F040F6B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How can one define a form?</a:t>
            </a:r>
          </a:p>
          <a:p>
            <a:pPr lvl="1"/>
            <a:r>
              <a:rPr lang="en-GB" dirty="0"/>
              <a:t>Programmatically</a:t>
            </a:r>
          </a:p>
          <a:p>
            <a:pPr lvl="1"/>
            <a:r>
              <a:rPr lang="en-GB" dirty="0"/>
              <a:t>FXML forma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FD4FF3E-432C-7358-3974-DA1345A978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035AFDA-E441-CC4A-A512-0A7558C8ED2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642956" y="36269"/>
            <a:ext cx="8256907" cy="678546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B269CF64-6FF8-37A8-D35B-A9776B6C8AA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38147" y="1720819"/>
            <a:ext cx="8466527" cy="4949856"/>
          </a:xfrm>
          <a:prstGeom prst="rect">
            <a:avLst/>
          </a:prstGeom>
          <a:ln w="28575">
            <a:solidFill>
              <a:srgbClr val="00B0F0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7752709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500"/>
                            </p:stCondLst>
                            <p:childTnLst>
                              <p:par>
                                <p:cTn id="2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17C2CB-C030-595E-D6CF-9E6915F4FC7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DB63E0B-EA8D-9E95-7DEA-BCF964DFF2F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cene Builder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D3B0024-A5DE-2E75-098E-79B3D475E8F2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C’mon? XMLs? Seriously?!!</a:t>
            </a:r>
          </a:p>
          <a:p>
            <a:r>
              <a:rPr lang="en-GB" dirty="0"/>
              <a:t>Scene Builder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BC94F57-7D6F-7202-3342-DFA3FFFD6E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AFC8BE6-04ED-A7D1-6097-5E7FB786DE7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963554" y="490888"/>
            <a:ext cx="10199571" cy="614534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07666767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8B3976-9E06-2B86-0FF3-AFF6D04261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CE48C74-EB1C-0DC7-B3DC-4F25322866C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2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-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Window – Stage – Scene – Controls</a:t>
            </a:r>
          </a:p>
          <a:p>
            <a:r>
              <a:rPr lang="en-GB" sz="2800" dirty="0"/>
              <a:t>Events -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614FAC0-3CB7-EFDE-8649-7B53A210DB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6740677"/>
      </p:ext>
    </p:extLst>
  </p:cSld>
  <p:clrMapOvr>
    <a:masterClrMapping/>
  </p:clrMapOvr>
  <p:transition spd="slow">
    <p:push dir="u"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C451DB-0B51-B447-4ED7-2C6D56C7849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D57517A-E361-E661-232C-19A9A1AC53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vent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00C6A75-072B-2EFF-4422-98B0F9FA6584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Event is an outcome of an action.</a:t>
            </a:r>
          </a:p>
          <a:p>
            <a:r>
              <a:rPr lang="en-GB" dirty="0"/>
              <a:t>Action can be (pressing, clicking, scrolling, rotating, touching, dragging …).</a:t>
            </a:r>
          </a:p>
          <a:p>
            <a:r>
              <a:rPr lang="en-GB" dirty="0"/>
              <a:t>Event types (mouse, key, drag, window).</a:t>
            </a:r>
          </a:p>
          <a:p>
            <a:endParaRPr lang="en-GB" dirty="0"/>
          </a:p>
          <a:p>
            <a:r>
              <a:rPr lang="en-GB" dirty="0"/>
              <a:t>Pulse </a:t>
            </a:r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s an event that indicates to the JavaFX scene graph that it’s time to synchronize the state of the elements on the scene graph with Prism</a:t>
            </a:r>
            <a:endParaRPr lang="en-GB" b="0" i="0" dirty="0">
              <a:solidFill>
                <a:srgbClr val="222222"/>
              </a:solidFill>
              <a:effectLst/>
              <a:latin typeface="Arial" panose="020B0604020202020204" pitchFamily="34" charset="0"/>
            </a:endParaRP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s throttled at 60 frames per second (fps) maximum</a:t>
            </a:r>
            <a:endParaRPr lang="en-GB" dirty="0">
              <a:solidFill>
                <a:srgbClr val="222222"/>
              </a:solidFill>
              <a:latin typeface="Arial" panose="020B0604020202020204" pitchFamily="34" charset="0"/>
            </a:endParaRP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fired whenever animations are running on the scene graph</a:t>
            </a: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is scheduled when something in the scene graph is changed</a:t>
            </a:r>
          </a:p>
          <a:p>
            <a:pPr lvl="1"/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Glass Windowing Toolkit is responsible for executing the pulse events</a:t>
            </a:r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FEDCF9-25DF-2EB2-BA8F-A83310F980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4</a:t>
            </a:fld>
            <a:endParaRPr lang="en-GB" dirty="0"/>
          </a:p>
        </p:txBody>
      </p: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DBCD154D-A4B4-F489-D58C-136B6DBBFC10}"/>
              </a:ext>
            </a:extLst>
          </p:cNvPr>
          <p:cNvGraphicFramePr>
            <a:graphicFrameLocks noGrp="1"/>
          </p:cNvGraphicFramePr>
          <p:nvPr/>
        </p:nvGraphicFramePr>
        <p:xfrm>
          <a:off x="4064001" y="63371"/>
          <a:ext cx="8127999" cy="672592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2709333">
                  <a:extLst>
                    <a:ext uri="{9D8B030D-6E8A-4147-A177-3AD203B41FA5}">
                      <a16:colId xmlns:a16="http://schemas.microsoft.com/office/drawing/2014/main" val="628953205"/>
                    </a:ext>
                  </a:extLst>
                </a:gridCol>
                <a:gridCol w="2252971">
                  <a:extLst>
                    <a:ext uri="{9D8B030D-6E8A-4147-A177-3AD203B41FA5}">
                      <a16:colId xmlns:a16="http://schemas.microsoft.com/office/drawing/2014/main" val="4052896558"/>
                    </a:ext>
                  </a:extLst>
                </a:gridCol>
                <a:gridCol w="3165695">
                  <a:extLst>
                    <a:ext uri="{9D8B030D-6E8A-4147-A177-3AD203B41FA5}">
                      <a16:colId xmlns:a16="http://schemas.microsoft.com/office/drawing/2014/main" val="671337468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200" b="1" dirty="0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User Action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 dirty="0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Event Type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200" b="1" dirty="0" err="1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EventHandler</a:t>
                      </a:r>
                      <a:r>
                        <a:rPr lang="en-US" sz="1200" b="1" dirty="0">
                          <a:solidFill>
                            <a:schemeClr val="bg1"/>
                          </a:solidFill>
                          <a:effectLst/>
                          <a:latin typeface="+mn-lt"/>
                        </a:rPr>
                        <a:t> Properties</a:t>
                      </a: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9200682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Pressing, releasing, or typing a key on keyboard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Key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Keypres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KeyRelea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KeyTyp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54344095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Moving, Clicking, or dragging the mouse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Mouse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Click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Mov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Pres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Releas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Enter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Exit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7569658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Pressing, Dragging, and Releasing of the mouse button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MouseDrag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Dragg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DragEnter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DragExi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Dragg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MouseDragOver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MouseDragReleas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2128785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Generating, Changing, Removing or Committing input from an alternate method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InputMethod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onInputMethodTextChang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74295720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Performing Drag and Drop actions supported by the platform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Drag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DragDetec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Done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Dropp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DragEnter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Exi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DragOver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9304835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Scrolling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Scroll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Scroll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crollStar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crollFinish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7243334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Rotating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Rotate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Rotate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RotationFinish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RotationStart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91525176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Swiping an object upwards, downwards, to the right and lef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Swipe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SwipeUP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wipeDown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</a:p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SwipeLeft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SwipeRigh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35801489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Touching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Touch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TouchMov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TouchReleas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TouchStationary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26767370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Zooming on an object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Zoom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>
                        <a:buNone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onZoom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ZoomStarted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onZoomFinish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8913716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Requesting Context Menu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ContextMenu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onContextMenuRequested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35160351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Pressing a button, showing or hiding a combo box, selecting a menu item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Action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16077861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Editing an item.</a:t>
                      </a:r>
                    </a:p>
                  </a:txBody>
                  <a:tcPr marL="76200" marR="76200" marT="76200" marB="76200" anchor="ctr"/>
                </a:tc>
                <a:tc gridSpan="2"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dirty="0" err="1">
                          <a:effectLst/>
                          <a:latin typeface="+mn-lt"/>
                        </a:rPr>
                        <a:t>ListView.EditEvent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TableColumn.CellEditEvent</a:t>
                      </a:r>
                      <a:r>
                        <a:rPr lang="en-US" sz="800" dirty="0">
                          <a:effectLst/>
                          <a:latin typeface="+mn-lt"/>
                        </a:rPr>
                        <a:t>, </a:t>
                      </a:r>
                      <a:r>
                        <a:rPr lang="en-US" sz="800" dirty="0" err="1">
                          <a:effectLst/>
                          <a:latin typeface="+mn-lt"/>
                        </a:rPr>
                        <a:t>TreeView.Edit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 hMerge="1">
                  <a:txBody>
                    <a:bodyPr/>
                    <a:lstStyle/>
                    <a:p>
                      <a:pPr algn="l"/>
                      <a:endParaRPr lang="en-US" sz="1100" dirty="0">
                        <a:effectLst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91490010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Encountering an error in a media player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MediaError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96317096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800" dirty="0">
                          <a:effectLst/>
                          <a:latin typeface="+mn-lt"/>
                        </a:rPr>
                        <a:t>Showing or Hiding Menu, Hiding a pop-up window, Selecting or Closing a Tab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>
                          <a:effectLst/>
                          <a:latin typeface="+mn-lt"/>
                        </a:rPr>
                        <a:t>Event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50349352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800">
                          <a:effectLst/>
                          <a:latin typeface="+mn-lt"/>
                        </a:rPr>
                        <a:t>Showing, Minimizing, or Closing a Window.</a:t>
                      </a: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800" dirty="0" err="1">
                          <a:effectLst/>
                          <a:latin typeface="+mn-lt"/>
                        </a:rPr>
                        <a:t>WindowEvent</a:t>
                      </a:r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tc>
                  <a:txBody>
                    <a:bodyPr/>
                    <a:lstStyle/>
                    <a:p>
                      <a:pPr algn="l"/>
                      <a:endParaRPr lang="en-US" sz="800" dirty="0">
                        <a:effectLst/>
                        <a:latin typeface="+mn-lt"/>
                      </a:endParaRPr>
                    </a:p>
                  </a:txBody>
                  <a:tcPr marL="76200" marR="76200" marT="76200" marB="76200" anchor="ctr"/>
                </a:tc>
                <a:extLst>
                  <a:ext uri="{0D108BD9-81ED-4DB2-BD59-A6C34878D82A}">
                    <a16:rowId xmlns:a16="http://schemas.microsoft.com/office/drawing/2014/main" val="1085600143"/>
                  </a:ext>
                </a:extLst>
              </a:tr>
            </a:tbl>
          </a:graphicData>
        </a:graphic>
      </p:graphicFrame>
      <p:pic>
        <p:nvPicPr>
          <p:cNvPr id="13" name="Picture 12">
            <a:extLst>
              <a:ext uri="{FF2B5EF4-FFF2-40B4-BE49-F238E27FC236}">
                <a16:creationId xmlns:a16="http://schemas.microsoft.com/office/drawing/2014/main" id="{87546043-6513-FD22-510C-C90CA2D570A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8768" y="5377947"/>
            <a:ext cx="12107909" cy="111727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265138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5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1000"/>
                            </p:stCondLst>
                            <p:childTnLst>
                              <p:par>
                                <p:cTn id="2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1500"/>
                            </p:stCondLst>
                            <p:childTnLst>
                              <p:par>
                                <p:cTn id="3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3" fill="hold">
                            <p:stCondLst>
                              <p:cond delay="2000"/>
                            </p:stCondLst>
                            <p:childTnLst>
                              <p:par>
                                <p:cTn id="3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1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2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BF6E5D1-DEC9-5A0B-D48C-87F189C8A09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CEA8DF4-2396-F198-32A1-15C024C81F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vent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4667D51-C42E-2C50-5540-AA9B15793B47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D1BF2C3-ACC7-1080-BB5B-7613587155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18D94D6-6B5D-DEB3-B1BE-84F54A58B67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0771" y="515199"/>
            <a:ext cx="10921766" cy="633317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4309949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4A43969-A6FD-1386-9173-0328DE8F42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CDE44FC-71C7-659D-DA3C-04B42CBA33B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ertie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6CF7F25-9970-A878-5E8B-5EA95B3067D9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Property model - JavaBeans component architecture.</a:t>
            </a:r>
          </a:p>
          <a:p>
            <a:r>
              <a:rPr lang="en-US" dirty="0"/>
              <a:t>Properties of a bean are the things you can change that affect internal state or its appearance.</a:t>
            </a:r>
          </a:p>
          <a:p>
            <a:r>
              <a:rPr lang="en-US" dirty="0"/>
              <a:t>A </a:t>
            </a:r>
            <a:r>
              <a:rPr lang="en-US" i="1" dirty="0"/>
              <a:t>bound</a:t>
            </a:r>
            <a:r>
              <a:rPr lang="en-US" dirty="0"/>
              <a:t> property notifies listeners when its value changes.</a:t>
            </a:r>
          </a:p>
          <a:p>
            <a:r>
              <a:rPr lang="en-US" dirty="0"/>
              <a:t>Constrained property – veto listeners stops the change.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EA3D27D-22CC-4F2F-A0EF-5DE8CF3E74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3B4DA5BB-612D-E97B-BBD9-8D59039B356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5738" y="3076167"/>
            <a:ext cx="2578530" cy="844297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AD41279E-437A-ADE8-272F-8EA4032F5BD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7833" y="3076167"/>
            <a:ext cx="6249272" cy="292458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2465549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24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29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92E6F3-1100-077C-9002-22AFE44AD6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537F007D-5C4A-2F34-E974-A063859372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istener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023F443-04DE-26C8-792D-1B1153578797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US" dirty="0"/>
              <a:t>Properties are the things you can change that affect its appearance or internal state.</a:t>
            </a:r>
            <a:endParaRPr lang="en-GB" dirty="0"/>
          </a:p>
          <a:p>
            <a:r>
              <a:rPr lang="en-GB" dirty="0"/>
              <a:t>Properties implement Observable and </a:t>
            </a:r>
            <a:r>
              <a:rPr lang="en-GB" dirty="0" err="1"/>
              <a:t>ObservableValue</a:t>
            </a:r>
            <a:r>
              <a:rPr lang="en-GB" dirty="0"/>
              <a:t> interfaces.</a:t>
            </a:r>
          </a:p>
          <a:p>
            <a:r>
              <a:rPr lang="en-GB" dirty="0"/>
              <a:t>Add a listener to a property.</a:t>
            </a:r>
          </a:p>
          <a:p>
            <a:r>
              <a:rPr lang="en-GB" dirty="0"/>
              <a:t>When property changes, listener is executed.</a:t>
            </a:r>
          </a:p>
          <a:p>
            <a:r>
              <a:rPr lang="en-GB" i="1" dirty="0" err="1"/>
              <a:t>InvalidationListener</a:t>
            </a:r>
            <a:r>
              <a:rPr lang="en-GB" i="1" dirty="0"/>
              <a:t> </a:t>
            </a:r>
            <a:r>
              <a:rPr lang="en-GB" dirty="0"/>
              <a:t>and </a:t>
            </a:r>
            <a:r>
              <a:rPr lang="en-GB" i="1" dirty="0" err="1"/>
              <a:t>ChangeListener</a:t>
            </a:r>
            <a:endParaRPr lang="en-GB" i="1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C989FAA-C1B2-2098-EC4C-AE791E9E9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4C28083-2738-AB7E-E6E7-4051DD705D8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5738" y="4461875"/>
            <a:ext cx="11145805" cy="139084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8AF49077-5164-7E40-6EF3-47034525B11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348980" y="1721902"/>
            <a:ext cx="6744641" cy="114316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74B117C0-8D00-CF93-4ECD-A1D0B8A0C8D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85738" y="2887889"/>
            <a:ext cx="8106906" cy="155279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182233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2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2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3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6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376DE2-FBF9-0963-FB0D-B7AF09C4A7D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0782E7D-44AB-15F1-041D-D082D0C380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erties - Listener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02D798F-CFA6-6601-43DC-0DD132B54136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AD7EB6E-EF74-F24B-6DB5-F527CADC29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DEDE1A5-DBB5-16AA-59A6-11302BDC0D6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5875" y="603514"/>
            <a:ext cx="12004674" cy="609487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4995860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B81ED5-D2DE-3B0A-C829-E3D653EEF35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192E7B-0B1D-034A-E508-B8BD354A6A1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2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Window – Stage – Scene – Control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/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  <a:endParaRPr lang="en-GB" sz="2800" dirty="0"/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A8619E1-E75A-3DCE-E4DC-698EF34B968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9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9790014"/>
      </p:ext>
    </p:extLst>
  </p:cSld>
  <p:clrMapOvr>
    <a:masterClrMapping/>
  </p:clrMapOvr>
  <p:transition spd="slow">
    <p:push dir="u"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60EBBEB-B3C4-5E66-74FE-68AAF2B937E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1"/>
            <a:ext cx="9030491" cy="5420118"/>
          </a:xfrm>
        </p:spPr>
        <p:txBody>
          <a:bodyPr/>
          <a:lstStyle/>
          <a:p>
            <a:r>
              <a:rPr lang="en-GB" sz="2800" dirty="0"/>
              <a:t>What is JavaFX?</a:t>
            </a:r>
          </a:p>
          <a:p>
            <a:r>
              <a:rPr lang="en-GB" sz="2800" dirty="0"/>
              <a:t>Architecture</a:t>
            </a:r>
          </a:p>
          <a:p>
            <a:r>
              <a:rPr lang="en-GB" sz="2800" dirty="0"/>
              <a:t>FXML - Scene Builder</a:t>
            </a:r>
          </a:p>
          <a:p>
            <a:r>
              <a:rPr lang="en-GB" sz="2800" dirty="0"/>
              <a:t>Events - Properties - Listeners</a:t>
            </a:r>
          </a:p>
          <a:p>
            <a:r>
              <a:rPr lang="en-GB" sz="2800" dirty="0"/>
              <a:t>Property binding</a:t>
            </a:r>
          </a:p>
          <a:p>
            <a:r>
              <a:rPr lang="en-GB" sz="2800" dirty="0"/>
              <a:t>Background processing</a:t>
            </a:r>
          </a:p>
          <a:p>
            <a:r>
              <a:rPr lang="en-GB" sz="2800" dirty="0"/>
              <a:t>CSS – Transformation – Animation</a:t>
            </a:r>
          </a:p>
          <a:p>
            <a:r>
              <a:rPr lang="en-GB" sz="2800" dirty="0"/>
              <a:t>Frameworks</a:t>
            </a:r>
          </a:p>
          <a:p>
            <a:r>
              <a:rPr lang="en-GB" sz="2800" dirty="0"/>
              <a:t>Action &amp; Q </a:t>
            </a:r>
            <a:r>
              <a:rPr lang="en-GB" sz="2800"/>
              <a:t>&amp; A</a:t>
            </a:r>
            <a:endParaRPr lang="en-GB" sz="28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2E431AE-2BAD-E5EF-45E2-0BBB55DECA0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53102291"/>
      </p:ext>
    </p:extLst>
  </p:cSld>
  <p:clrMapOvr>
    <a:masterClrMapping/>
  </p:clrMapOvr>
  <p:transition spd="slow">
    <p:push dir="u"/>
  </p:transition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7305F6-6396-D491-CD8C-A2CFC8465F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AD9DA9D-27E1-17D9-2D3F-B1A8BEA2A7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perty binding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070DE70-EB3B-016E-8F1A-4909C1CC7E96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Very handy when changes in UI should be reflected in business logic.</a:t>
            </a:r>
          </a:p>
          <a:p>
            <a:r>
              <a:rPr lang="en-GB" dirty="0"/>
              <a:t>High-Level Binding API</a:t>
            </a:r>
          </a:p>
          <a:p>
            <a:r>
              <a:rPr lang="en-GB" dirty="0"/>
              <a:t>Low-Level Binding API</a:t>
            </a:r>
          </a:p>
          <a:p>
            <a:r>
              <a:rPr lang="en-GB" dirty="0"/>
              <a:t>Uni- and bi-directional binding</a:t>
            </a:r>
          </a:p>
          <a:p>
            <a:pPr lvl="1"/>
            <a:r>
              <a:rPr lang="en-GB" dirty="0"/>
              <a:t>Unidirectional -&gt; </a:t>
            </a:r>
            <a:r>
              <a:rPr lang="en-GB" i="1" dirty="0" err="1"/>
              <a:t>label.textProperty</a:t>
            </a:r>
            <a:r>
              <a:rPr lang="en-GB" i="1" dirty="0"/>
              <a:t>().bind(</a:t>
            </a:r>
            <a:r>
              <a:rPr lang="en-GB" i="1" dirty="0" err="1"/>
              <a:t>textField.textProperty</a:t>
            </a:r>
            <a:r>
              <a:rPr lang="en-GB" i="1" dirty="0"/>
              <a:t>())</a:t>
            </a:r>
            <a:r>
              <a:rPr lang="en-GB" dirty="0"/>
              <a:t> </a:t>
            </a:r>
          </a:p>
          <a:p>
            <a:pPr lvl="1"/>
            <a:r>
              <a:rPr lang="en-GB" dirty="0"/>
              <a:t>Bidirectional -&gt;  </a:t>
            </a:r>
            <a:r>
              <a:rPr lang="en-GB" i="1" dirty="0" err="1"/>
              <a:t>textField.textProperty</a:t>
            </a:r>
            <a:r>
              <a:rPr lang="en-GB" i="1" dirty="0"/>
              <a:t>().</a:t>
            </a:r>
            <a:r>
              <a:rPr lang="en-GB" i="1" dirty="0" err="1"/>
              <a:t>bindBidirectional</a:t>
            </a:r>
            <a:r>
              <a:rPr lang="en-GB" i="1" dirty="0"/>
              <a:t>(</a:t>
            </a:r>
            <a:r>
              <a:rPr lang="en-GB" i="1" dirty="0" err="1"/>
              <a:t>bean.nameProperty</a:t>
            </a:r>
            <a:r>
              <a:rPr lang="en-GB" i="1" dirty="0"/>
              <a:t>())</a:t>
            </a:r>
          </a:p>
          <a:p>
            <a:r>
              <a:rPr lang="en-GB" dirty="0"/>
              <a:t>Additional mapping activity is need when persisting data (or earlier)</a:t>
            </a:r>
          </a:p>
          <a:p>
            <a:pPr lvl="1"/>
            <a:r>
              <a:rPr lang="en-GB" dirty="0" err="1"/>
              <a:t>Gson</a:t>
            </a:r>
            <a:r>
              <a:rPr lang="en-GB" dirty="0"/>
              <a:t> a custom </a:t>
            </a:r>
            <a:r>
              <a:rPr lang="en-GB" dirty="0" err="1"/>
              <a:t>TypeAdapter</a:t>
            </a:r>
            <a:endParaRPr lang="en-GB" dirty="0"/>
          </a:p>
          <a:p>
            <a:pPr lvl="1"/>
            <a:r>
              <a:rPr lang="en-GB" dirty="0"/>
              <a:t>Use FX </a:t>
            </a:r>
            <a:r>
              <a:rPr lang="en-GB" dirty="0" err="1"/>
              <a:t>Gson</a:t>
            </a:r>
            <a:r>
              <a:rPr lang="en-GB" dirty="0"/>
              <a:t> (</a:t>
            </a:r>
            <a:r>
              <a:rPr lang="en-GB" dirty="0">
                <a:hlinkClick r:id="rId5"/>
              </a:rPr>
              <a:t>https://github.com/joffrey-bion/fx-gson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@Entity have not tried ye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2955BD1-AF5D-70B8-9A52-8BA4CC3DCC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89A2336-05C5-A102-65D2-387DE3666DF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015951" y="5471142"/>
            <a:ext cx="6296904" cy="30484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1231DB9-D82B-F129-D25E-4CA660DE539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015951" y="5967162"/>
            <a:ext cx="6154009" cy="45726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5333059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2500"/>
                            </p:stCondLst>
                            <p:childTnLst>
                              <p:par>
                                <p:cTn id="2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8" fill="hold">
                            <p:stCondLst>
                              <p:cond delay="3000"/>
                            </p:stCondLst>
                            <p:childTnLst>
                              <p:par>
                                <p:cTn id="2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3500"/>
                            </p:stCondLst>
                            <p:childTnLst>
                              <p:par>
                                <p:cTn id="3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6" fill="hold">
                            <p:stCondLst>
                              <p:cond delay="4000"/>
                            </p:stCondLst>
                            <p:childTnLst>
                              <p:par>
                                <p:cTn id="3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4500"/>
                            </p:stCondLst>
                            <p:childTnLst>
                              <p:par>
                                <p:cTn id="4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4" fill="hold">
                            <p:stCondLst>
                              <p:cond delay="5000"/>
                            </p:stCondLst>
                            <p:childTnLst>
                              <p:par>
                                <p:cTn id="45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9" fill="hold">
                            <p:stCondLst>
                              <p:cond delay="5500"/>
                            </p:stCondLst>
                            <p:childTnLst>
                              <p:par>
                                <p:cTn id="50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2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3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605237-F71F-5F45-506B-105BD21A69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56B9F6C-5D29-A146-0E67-25A1D8585CC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4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Window – Stage – Scene – Control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/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5F512E0-35DD-610C-C424-66AEFBFC083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0795800"/>
      </p:ext>
    </p:extLst>
  </p:cSld>
  <p:clrMapOvr>
    <a:masterClrMapping/>
  </p:clrMapOvr>
  <p:transition spd="slow">
    <p:push dir="u"/>
  </p:transition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70DE33-FF69-3D04-DCEE-2C3354A1711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F9DFF3D-2EA7-5C78-84DA-4721521FC4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8034500-2FD6-CD00-278A-DA8525FC0FBA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 fontScale="92500" lnSpcReduction="10000"/>
          </a:bodyPr>
          <a:lstStyle/>
          <a:p>
            <a:r>
              <a:rPr lang="en-US" dirty="0"/>
              <a:t>Scene graph - is not thread-safe.</a:t>
            </a:r>
          </a:p>
          <a:p>
            <a:r>
              <a:rPr lang="en-US" dirty="0"/>
              <a:t>Scene graph can only be accessed and modified from the JavaFX Application thread.</a:t>
            </a:r>
          </a:p>
          <a:p>
            <a:r>
              <a:rPr lang="en-US" dirty="0"/>
              <a:t>At the system level,</a:t>
            </a:r>
            <a:r>
              <a:rPr lang="en-US" b="1" dirty="0"/>
              <a:t> </a:t>
            </a:r>
            <a:r>
              <a:rPr lang="en-US" dirty="0"/>
              <a:t>the JVM creates separate threads for running and rendering the application.</a:t>
            </a:r>
          </a:p>
          <a:p>
            <a:pPr lvl="1"/>
            <a:r>
              <a:rPr lang="en-US" dirty="0"/>
              <a:t>Application thread – a primary thread of any JavaFX application. All the live nodes and components are attached to this thread.</a:t>
            </a:r>
            <a:endParaRPr lang="en-US" i="1" dirty="0"/>
          </a:p>
          <a:p>
            <a:pPr lvl="1"/>
            <a:r>
              <a:rPr lang="en-US" i="1" dirty="0"/>
              <a:t>Prism </a:t>
            </a:r>
            <a:r>
              <a:rPr lang="en-US" dirty="0"/>
              <a:t>render thread – responsible for rendering the </a:t>
            </a:r>
            <a:r>
              <a:rPr lang="en-US" i="1" dirty="0"/>
              <a:t>Scene Graph</a:t>
            </a:r>
            <a:r>
              <a:rPr lang="en-US" dirty="0"/>
              <a:t> separately.</a:t>
            </a:r>
          </a:p>
          <a:p>
            <a:pPr lvl="1"/>
            <a:r>
              <a:rPr lang="en-US" dirty="0"/>
              <a:t>Media thread - runs in the background and synchronizes the latest frames through the scene graph by using the JavaFX application thread.</a:t>
            </a:r>
          </a:p>
          <a:p>
            <a:r>
              <a:rPr lang="en-US" dirty="0"/>
              <a:t>Long-running tasks on the JavaFX Application thread inevitably make an application UI unresponsive. </a:t>
            </a:r>
          </a:p>
          <a:p>
            <a:r>
              <a:rPr lang="en-US" dirty="0"/>
              <a:t>A best practice is to do long-running tasks on one or more background threads and let the JavaFX Application thread process user events.</a:t>
            </a:r>
          </a:p>
          <a:p>
            <a:r>
              <a:rPr lang="en-US" dirty="0"/>
              <a:t>Create </a:t>
            </a:r>
            <a:r>
              <a:rPr lang="en-US" i="1" dirty="0"/>
              <a:t>Runnable</a:t>
            </a:r>
            <a:r>
              <a:rPr lang="en-US" dirty="0"/>
              <a:t> (or </a:t>
            </a:r>
            <a:r>
              <a:rPr lang="en-US" i="1" dirty="0"/>
              <a:t>Callable</a:t>
            </a:r>
            <a:r>
              <a:rPr lang="en-US" dirty="0"/>
              <a:t>) and run it in a new thread.</a:t>
            </a:r>
          </a:p>
          <a:p>
            <a:pPr lvl="1"/>
            <a:r>
              <a:rPr lang="en-US" dirty="0"/>
              <a:t>More flexibility, but is error-prone.</a:t>
            </a:r>
          </a:p>
          <a:p>
            <a:pPr lvl="1"/>
            <a:r>
              <a:rPr lang="en-US" dirty="0"/>
              <a:t>Use </a:t>
            </a:r>
            <a:r>
              <a:rPr lang="en-US" i="1" dirty="0" err="1"/>
              <a:t>javafx.concurrent</a:t>
            </a:r>
            <a:r>
              <a:rPr lang="en-US" dirty="0"/>
              <a:t> package, which takes care of multithreaded code that interacts with the UI and ensures that this interaction happens on the correct thread.</a:t>
            </a:r>
          </a:p>
          <a:p>
            <a:pPr lvl="1"/>
            <a:r>
              <a:rPr lang="en-GB" dirty="0">
                <a:hlinkClick r:id="rId5"/>
              </a:rPr>
              <a:t>https://docs.oracle.com/javafx/2/threads/jfxpub-threads.htm</a:t>
            </a:r>
            <a:r>
              <a:rPr lang="en-US" dirty="0"/>
              <a:t> 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28CB48A-5FE0-6774-504D-C6CF33AB7E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165805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500"/>
                            </p:stCondLst>
                            <p:childTnLst>
                              <p:par>
                                <p:cTn id="1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2" fill="hold">
                            <p:stCondLst>
                              <p:cond delay="1000"/>
                            </p:stCondLst>
                            <p:childTnLst>
                              <p:par>
                                <p:cTn id="2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1500"/>
                            </p:stCondLst>
                            <p:childTnLst>
                              <p:par>
                                <p:cTn id="2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5" fill="hold">
                            <p:stCondLst>
                              <p:cond delay="500"/>
                            </p:stCondLst>
                            <p:childTnLst>
                              <p:par>
                                <p:cTn id="4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9" fill="hold">
                            <p:stCondLst>
                              <p:cond delay="1000"/>
                            </p:stCondLst>
                            <p:childTnLst>
                              <p:par>
                                <p:cTn id="5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3" fill="hold">
                            <p:stCondLst>
                              <p:cond delay="1500"/>
                            </p:stCondLst>
                            <p:childTnLst>
                              <p:par>
                                <p:cTn id="5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500"/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265F32B-5CFF-8771-D7CB-E123D5EAC89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53B3C3B-341D-83CB-C2DE-4B70716512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 – </a:t>
            </a:r>
            <a:r>
              <a:rPr lang="en-GB" i="1" dirty="0"/>
              <a:t>Task</a:t>
            </a:r>
            <a:r>
              <a:rPr lang="en-GB" dirty="0"/>
              <a:t> clas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167D927-DE76-0D0B-2370-7E666121D939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 lnSpcReduction="10000"/>
          </a:bodyPr>
          <a:lstStyle/>
          <a:p>
            <a:r>
              <a:rPr lang="en-US" dirty="0"/>
              <a:t>Enables developers to implement asynchronous tasks in JavaFX applications.</a:t>
            </a:r>
          </a:p>
          <a:p>
            <a:r>
              <a:rPr lang="en-US" dirty="0"/>
              <a:t>Inherits from the </a:t>
            </a:r>
            <a:r>
              <a:rPr lang="en-US" i="1" dirty="0" err="1"/>
              <a:t>java.utils.concurrent.FutureTask</a:t>
            </a:r>
            <a:r>
              <a:rPr lang="en-US" dirty="0"/>
              <a:t> (</a:t>
            </a:r>
            <a:r>
              <a:rPr lang="en-US" i="1" dirty="0"/>
              <a:t>Runnable</a:t>
            </a:r>
            <a:r>
              <a:rPr lang="en-US" dirty="0"/>
              <a:t>) class, internally uses </a:t>
            </a:r>
            <a:r>
              <a:rPr lang="en-US" i="1" dirty="0"/>
              <a:t>Callable</a:t>
            </a:r>
            <a:r>
              <a:rPr lang="en-US" dirty="0"/>
              <a:t>.</a:t>
            </a:r>
          </a:p>
          <a:p>
            <a:pPr lvl="1"/>
            <a:r>
              <a:rPr lang="en-US" dirty="0"/>
              <a:t>You can call it directly by using the </a:t>
            </a:r>
            <a:r>
              <a:rPr lang="en-US" i="1" dirty="0" err="1"/>
              <a:t>FutureTask.run</a:t>
            </a:r>
            <a:r>
              <a:rPr lang="en-US" i="1" dirty="0"/>
              <a:t>()</a:t>
            </a:r>
            <a:r>
              <a:rPr lang="en-US" dirty="0"/>
              <a:t> method, which enables calling this task from another background thread.</a:t>
            </a:r>
          </a:p>
          <a:p>
            <a:r>
              <a:rPr lang="en-US" i="1" dirty="0"/>
              <a:t>C</a:t>
            </a:r>
            <a:r>
              <a:rPr lang="en-US" dirty="0"/>
              <a:t>an be used within the Java concurrency Executor API.</a:t>
            </a:r>
          </a:p>
          <a:p>
            <a:r>
              <a:rPr lang="en-US" i="1" dirty="0"/>
              <a:t>C</a:t>
            </a:r>
            <a:r>
              <a:rPr lang="en-US" dirty="0"/>
              <a:t>an be passed to a thread as a parameter. </a:t>
            </a:r>
          </a:p>
          <a:p>
            <a:endParaRPr lang="en-US" dirty="0"/>
          </a:p>
          <a:p>
            <a:r>
              <a:rPr lang="en-US" dirty="0"/>
              <a:t>Method </a:t>
            </a:r>
            <a:r>
              <a:rPr lang="en-US" i="1" dirty="0"/>
              <a:t>call</a:t>
            </a:r>
            <a:r>
              <a:rPr lang="en-US" dirty="0"/>
              <a:t> can only manipulate states that are safe to read and write from a background thread.</a:t>
            </a:r>
          </a:p>
          <a:p>
            <a:pPr lvl="1"/>
            <a:r>
              <a:rPr lang="en-US" dirty="0">
                <a:solidFill>
                  <a:srgbClr val="FF0000"/>
                </a:solidFill>
              </a:rPr>
              <a:t>Manipulating an active scene graph from the call method throws runtime exceptions.</a:t>
            </a:r>
          </a:p>
          <a:p>
            <a:r>
              <a:rPr lang="en-US" dirty="0"/>
              <a:t>Inside the call method, you can use the </a:t>
            </a:r>
            <a:r>
              <a:rPr lang="en-US" i="1" dirty="0" err="1"/>
              <a:t>updateProgress</a:t>
            </a:r>
            <a:r>
              <a:rPr lang="en-US" dirty="0"/>
              <a:t>, </a:t>
            </a:r>
            <a:r>
              <a:rPr lang="en-US" i="1" dirty="0" err="1"/>
              <a:t>updateMessage</a:t>
            </a:r>
            <a:r>
              <a:rPr lang="en-US" dirty="0"/>
              <a:t>, </a:t>
            </a:r>
            <a:r>
              <a:rPr lang="en-US" i="1" dirty="0" err="1"/>
              <a:t>updateTitle</a:t>
            </a:r>
            <a:r>
              <a:rPr lang="en-US" dirty="0"/>
              <a:t> methods.</a:t>
            </a:r>
          </a:p>
          <a:p>
            <a:r>
              <a:rPr lang="en-US" dirty="0"/>
              <a:t>The above methods update the values of the corresponding properties on the JavaFX Application thread.</a:t>
            </a:r>
          </a:p>
          <a:p>
            <a:r>
              <a:rPr lang="en-US" dirty="0"/>
              <a:t>It defines a one-time object that cannot be reused. If you need a reusable object, use the </a:t>
            </a:r>
            <a:r>
              <a:rPr lang="en-US" i="1" dirty="0"/>
              <a:t>Service</a:t>
            </a:r>
            <a:r>
              <a:rPr lang="en-US" dirty="0"/>
              <a:t> class.</a:t>
            </a:r>
            <a:endParaRPr lang="en-GB" dirty="0"/>
          </a:p>
          <a:p>
            <a:endParaRPr lang="en-US" dirty="0"/>
          </a:p>
          <a:p>
            <a:r>
              <a:rPr lang="en-US" dirty="0"/>
              <a:t>Having a good understanding of the Java concurrency API will help you understand concurrency in JavaFX.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B232AC5-60E8-11D0-9871-EF2ED5EDB7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123711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500"/>
                            </p:stCondLst>
                            <p:childTnLst>
                              <p:par>
                                <p:cTn id="30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3" fill="hold">
                            <p:stCondLst>
                              <p:cond delay="1000"/>
                            </p:stCondLst>
                            <p:childTnLst>
                              <p:par>
                                <p:cTn id="34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7" fill="hold">
                            <p:stCondLst>
                              <p:cond delay="1500"/>
                            </p:stCondLst>
                            <p:childTnLst>
                              <p:par>
                                <p:cTn id="38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1" fill="hold">
                            <p:stCondLst>
                              <p:cond delay="2000"/>
                            </p:stCondLst>
                            <p:childTnLst>
                              <p:par>
                                <p:cTn id="42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5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660E31-396D-6AAB-F8A9-77845C2D85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3C4A99D-0623-CF5B-34B5-3181B2211B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 – </a:t>
            </a:r>
            <a:r>
              <a:rPr lang="en-GB" i="1" dirty="0"/>
              <a:t>Service</a:t>
            </a:r>
            <a:r>
              <a:rPr lang="en-GB" dirty="0"/>
              <a:t> clas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5E0AC1C6-C2F2-7450-B8F7-FF7C86104F39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 lnSpcReduction="10000"/>
          </a:bodyPr>
          <a:lstStyle/>
          <a:p>
            <a:r>
              <a:rPr lang="en-US" dirty="0"/>
              <a:t>The purpose of this class is to help the developer to implement the correct interaction between the background threads and the JavaFX Application thread.</a:t>
            </a:r>
          </a:p>
          <a:p>
            <a:r>
              <a:rPr lang="en-US" dirty="0"/>
              <a:t>Is designed to execute a </a:t>
            </a:r>
            <a:r>
              <a:rPr lang="en-US" i="1" dirty="0"/>
              <a:t>Task</a:t>
            </a:r>
            <a:r>
              <a:rPr lang="en-US" dirty="0"/>
              <a:t> object on one or several background threads.</a:t>
            </a:r>
          </a:p>
          <a:p>
            <a:r>
              <a:rPr lang="en-US" dirty="0"/>
              <a:t>Class methods and states must only be accessed on the JavaFX Application thread.</a:t>
            </a:r>
          </a:p>
          <a:p>
            <a:endParaRPr lang="en-US" dirty="0"/>
          </a:p>
          <a:p>
            <a:r>
              <a:rPr lang="en-US" dirty="0"/>
              <a:t>You can </a:t>
            </a:r>
            <a:r>
              <a:rPr lang="en-US" i="1" dirty="0"/>
              <a:t>start</a:t>
            </a:r>
            <a:r>
              <a:rPr lang="en-US" dirty="0"/>
              <a:t>, </a:t>
            </a:r>
            <a:r>
              <a:rPr lang="en-US" i="1" dirty="0"/>
              <a:t>cancel</a:t>
            </a:r>
            <a:r>
              <a:rPr lang="en-US" dirty="0"/>
              <a:t> and </a:t>
            </a:r>
            <a:r>
              <a:rPr lang="en-US" i="1" dirty="0"/>
              <a:t>restart</a:t>
            </a:r>
            <a:r>
              <a:rPr lang="en-US" dirty="0"/>
              <a:t> (</a:t>
            </a:r>
            <a:r>
              <a:rPr lang="en-US" i="1" dirty="0"/>
              <a:t>Worker</a:t>
            </a:r>
            <a:r>
              <a:rPr lang="en-US" dirty="0"/>
              <a:t>).</a:t>
            </a:r>
          </a:p>
          <a:p>
            <a:r>
              <a:rPr lang="en-US" dirty="0"/>
              <a:t>You can observe the state of the background work and optionally cancel it.</a:t>
            </a:r>
          </a:p>
          <a:p>
            <a:r>
              <a:rPr lang="en-US" dirty="0"/>
              <a:t>Later, you can reset the service and restart it. Thus, the service can be defined declaratively and restarted on demand.</a:t>
            </a:r>
          </a:p>
          <a:p>
            <a:endParaRPr lang="en-US" dirty="0"/>
          </a:p>
          <a:p>
            <a:r>
              <a:rPr lang="en-US" dirty="0"/>
              <a:t>Can be executed in one of the following ways:</a:t>
            </a:r>
          </a:p>
          <a:p>
            <a:pPr lvl="1"/>
            <a:r>
              <a:rPr lang="en-US" dirty="0"/>
              <a:t>by a custom </a:t>
            </a:r>
            <a:r>
              <a:rPr lang="en-US" i="1" dirty="0"/>
              <a:t>Executor</a:t>
            </a:r>
            <a:r>
              <a:rPr lang="en-US" dirty="0"/>
              <a:t> object, if it is specified for the given service,</a:t>
            </a:r>
          </a:p>
          <a:p>
            <a:pPr lvl="1"/>
            <a:r>
              <a:rPr lang="en-US" dirty="0"/>
              <a:t>by a daemon thread, if no executor </a:t>
            </a:r>
            <a:r>
              <a:rPr lang="en-US"/>
              <a:t>is specified</a:t>
            </a:r>
            <a:r>
              <a:rPr lang="en-US" dirty="0"/>
              <a:t>.</a:t>
            </a:r>
          </a:p>
          <a:p>
            <a:r>
              <a:rPr lang="en-US" dirty="0"/>
              <a:t>If no executor is specified then the default executor is a </a:t>
            </a:r>
            <a:r>
              <a:rPr lang="en-US" i="1" dirty="0" err="1"/>
              <a:t>ThreadPoolExecutor</a:t>
            </a:r>
            <a:r>
              <a:rPr lang="en-US" i="1" dirty="0"/>
              <a:t>.</a:t>
            </a:r>
          </a:p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FE2024-9F57-6097-FC0C-4E3346718F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20828443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500"/>
                            </p:stCondLst>
                            <p:childTnLst>
                              <p:par>
                                <p:cTn id="22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1000"/>
                            </p:stCondLst>
                            <p:childTnLst>
                              <p:par>
                                <p:cTn id="26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4" fill="hold">
                            <p:stCondLst>
                              <p:cond delay="500"/>
                            </p:stCondLst>
                            <p:childTnLst>
                              <p:par>
                                <p:cTn id="35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8" fill="hold">
                            <p:stCondLst>
                              <p:cond delay="1000"/>
                            </p:stCondLst>
                            <p:childTnLst>
                              <p:par>
                                <p:cTn id="3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2" fill="hold">
                            <p:stCondLst>
                              <p:cond delay="1500"/>
                            </p:stCondLst>
                            <p:childTnLst>
                              <p:par>
                                <p:cTn id="4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0141DA-2673-2B1D-E276-CCE1481489B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06AE3386-020B-1F35-25AF-75141E0F6E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kground processing – exampl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D307B40-B19F-9B45-113F-76D8420C8F18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3"/>
            <a:ext cx="11818937" cy="5036345"/>
          </a:xfrm>
        </p:spPr>
        <p:txBody>
          <a:bodyPr>
            <a:normAutofit/>
          </a:bodyPr>
          <a:lstStyle/>
          <a:p>
            <a:endParaRPr lang="en-US" i="1" dirty="0"/>
          </a:p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558EB9E-8079-1BF0-1F32-B2EB9394FF1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5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A98B29A-0410-5F47-D829-C987C20760C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58433" y="40192"/>
            <a:ext cx="5310712" cy="382865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D77E4A47-4D9C-5BDC-911D-CE384DF729F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533997" y="3888941"/>
            <a:ext cx="9084010" cy="284202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0BF7D2AA-0232-E4A5-DECC-59BA23E5829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251153" y="1153570"/>
            <a:ext cx="5525271" cy="3562847"/>
          </a:xfrm>
          <a:prstGeom prst="rect">
            <a:avLst/>
          </a:prstGeom>
          <a:ln w="19050">
            <a:solidFill>
              <a:schemeClr val="accent4">
                <a:lumMod val="90000"/>
              </a:schemeClr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7016014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8F517D6-3593-F3B2-6FDD-5DBB326107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7B696E6-2717-DCFF-08A3-288C29953E3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7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/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8120325-6E97-AD49-3A3D-8F1D374C87D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7667221"/>
      </p:ext>
    </p:extLst>
  </p:cSld>
  <p:clrMapOvr>
    <a:masterClrMapping/>
  </p:clrMapOvr>
  <p:transition spd="slow">
    <p:push dir="u"/>
  </p:transition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90B20B6-AC86-C810-2BEE-1D026F6819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B82B5C-267C-FDFC-7232-800243B971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SS – Transformation - Animation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18DD8D9-8C93-CF9D-C3F3-A976838D76AC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>
            <a:normAutofit/>
          </a:bodyPr>
          <a:lstStyle/>
          <a:p>
            <a:r>
              <a:rPr lang="en-US" dirty="0"/>
              <a:t>JavaFX CSS customize styling to the UI without changing any of application's source code.</a:t>
            </a:r>
            <a:endParaRPr lang="en-GB" dirty="0"/>
          </a:p>
          <a:p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Transformations are modifications to visual representation of nodes allowing to achieve effects like: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translation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rotation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scaling</a:t>
            </a:r>
          </a:p>
          <a:p>
            <a:pPr lvl="1"/>
            <a:r>
              <a:rPr lang="en-US" b="0" i="0" dirty="0">
                <a:solidFill>
                  <a:srgbClr val="2C2F34"/>
                </a:solidFill>
                <a:effectLst/>
                <a:latin typeface="Tahoma" panose="020B0604030504040204" pitchFamily="34" charset="0"/>
              </a:rPr>
              <a:t>shearing</a:t>
            </a:r>
          </a:p>
          <a:p>
            <a:r>
              <a:rPr lang="en-GB" dirty="0"/>
              <a:t>Animation - </a:t>
            </a:r>
            <a:r>
              <a:rPr lang="en-US" b="0" i="0" dirty="0">
                <a:solidFill>
                  <a:srgbClr val="000000"/>
                </a:solidFill>
                <a:effectLst/>
              </a:rPr>
              <a:t>creating illusion of its motion by rapid display, it’s used to visually enhance an application. </a:t>
            </a:r>
          </a:p>
          <a:p>
            <a:pPr lvl="1"/>
            <a:r>
              <a:rPr lang="en-US" b="0" i="0" dirty="0">
                <a:solidFill>
                  <a:srgbClr val="000000"/>
                </a:solidFill>
                <a:effectLst/>
              </a:rPr>
              <a:t>Animations are used in an application to add certain special visual effects on elements</a:t>
            </a:r>
          </a:p>
          <a:p>
            <a:pPr lvl="1"/>
            <a:r>
              <a:rPr lang="en-GB" dirty="0"/>
              <a:t>Fade Transition, Fill Transition, Rotate Transition, Scale Transition, Stroke Transition, Translate Transition, Path Transition, Sequential Transition, Pause Transition, Parallel Trans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530D12-6C38-FDD2-2699-AF9E78EE51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2666417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000"/>
                            </p:stCondLst>
                            <p:childTnLst>
                              <p:par>
                                <p:cTn id="1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15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2000"/>
                            </p:stCondLst>
                            <p:childTnLst>
                              <p:par>
                                <p:cTn id="2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4" fill="hold">
                            <p:stCondLst>
                              <p:cond delay="500"/>
                            </p:stCondLst>
                            <p:childTnLst>
                              <p:par>
                                <p:cTn id="3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8" fill="hold">
                            <p:stCondLst>
                              <p:cond delay="1000"/>
                            </p:stCondLst>
                            <p:childTnLst>
                              <p:par>
                                <p:cTn id="3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E3A6D6-AA29-DD94-14AF-D8CF58D6ABB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0EC8D3A-6F6B-AD21-D438-CF0B04C313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S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4B9A1F5-5F28-DED8-0D10-BA78F92F3EF4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JavaFX CSS:</a:t>
            </a:r>
          </a:p>
          <a:p>
            <a:pPr lvl="1"/>
            <a:r>
              <a:rPr lang="en-US" dirty="0"/>
              <a:t>can be applied to any node in the scene graph,</a:t>
            </a:r>
          </a:p>
          <a:p>
            <a:pPr lvl="1"/>
            <a:r>
              <a:rPr lang="en-US" dirty="0"/>
              <a:t>are applied to the nodes asynchronously,</a:t>
            </a:r>
          </a:p>
          <a:p>
            <a:pPr lvl="1"/>
            <a:r>
              <a:rPr lang="en-US" dirty="0"/>
              <a:t>can be easily assigned to the scene at runtime, allowing an application's appearance to dynamically change,</a:t>
            </a:r>
          </a:p>
          <a:p>
            <a:pPr lvl="1"/>
            <a:r>
              <a:rPr lang="en-US" dirty="0"/>
              <a:t>is based on the W3C CSS,</a:t>
            </a:r>
          </a:p>
          <a:p>
            <a:pPr lvl="1"/>
            <a:r>
              <a:rPr lang="en-US" dirty="0"/>
              <a:t>allow to be parsed cleanly by any compliant CSS parser,</a:t>
            </a:r>
          </a:p>
          <a:p>
            <a:pPr lvl="1"/>
            <a:r>
              <a:rPr lang="en-US" dirty="0"/>
              <a:t>enables the mixing of CSS styles for JavaFX and for other purposes (such as for HTML pages) into a single style sheet,</a:t>
            </a:r>
          </a:p>
          <a:p>
            <a:pPr lvl="1"/>
            <a:r>
              <a:rPr lang="en-US" dirty="0"/>
              <a:t>all JavaFX property names are prefixed with a vendor extension of ”-</a:t>
            </a:r>
            <a:r>
              <a:rPr lang="en-US" dirty="0" err="1"/>
              <a:t>fx</a:t>
            </a:r>
            <a:r>
              <a:rPr lang="en-US" dirty="0"/>
              <a:t>-”</a:t>
            </a:r>
          </a:p>
          <a:p>
            <a:r>
              <a:rPr lang="en-GB" dirty="0"/>
              <a:t>JavaFX CSS Reference Guide: </a:t>
            </a:r>
          </a:p>
          <a:p>
            <a:pPr lvl="1"/>
            <a:r>
              <a:rPr lang="en-GB" dirty="0">
                <a:hlinkClick r:id="rId5"/>
              </a:rPr>
              <a:t>https://docs.oracle.com/javafx/2/api/javafx/scene/doc-files/cssref.html</a:t>
            </a:r>
            <a:r>
              <a:rPr lang="en-GB" dirty="0"/>
              <a:t> </a:t>
            </a:r>
          </a:p>
          <a:p>
            <a:pPr lvl="1"/>
            <a:r>
              <a:rPr lang="en-GB" dirty="0">
                <a:hlinkClick r:id="rId6"/>
              </a:rPr>
              <a:t>https://eugener.github.io/javafx-css/</a:t>
            </a:r>
            <a:r>
              <a:rPr lang="en-GB" dirty="0"/>
              <a:t>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7A18775-29D7-F9FC-F18E-E8CF108110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8</a:t>
            </a:fld>
            <a:endParaRPr lang="en-GB" dirty="0"/>
          </a:p>
        </p:txBody>
      </p:sp>
      <p:pic>
        <p:nvPicPr>
          <p:cNvPr id="9" name="Content Placeholder 2">
            <a:extLst>
              <a:ext uri="{FF2B5EF4-FFF2-40B4-BE49-F238E27FC236}">
                <a16:creationId xmlns:a16="http://schemas.microsoft.com/office/drawing/2014/main" id="{3FC22D50-9059-3125-A82A-35AD9A31FE3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133189" y="185737"/>
            <a:ext cx="11039833" cy="64849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4867311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2500"/>
                            </p:stCondLst>
                            <p:childTnLst>
                              <p:par>
                                <p:cTn id="2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8" fill="hold">
                            <p:stCondLst>
                              <p:cond delay="3000"/>
                            </p:stCondLst>
                            <p:childTnLst>
                              <p:par>
                                <p:cTn id="2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2" fill="hold">
                            <p:stCondLst>
                              <p:cond delay="3500"/>
                            </p:stCondLst>
                            <p:childTnLst>
                              <p:par>
                                <p:cTn id="3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6" fill="hold">
                            <p:stCondLst>
                              <p:cond delay="4000"/>
                            </p:stCondLst>
                            <p:childTnLst>
                              <p:par>
                                <p:cTn id="3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4500"/>
                            </p:stCondLst>
                            <p:childTnLst>
                              <p:par>
                                <p:cTn id="4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4" fill="hold">
                            <p:stCondLst>
                              <p:cond delay="5000"/>
                            </p:stCondLst>
                            <p:childTnLst>
                              <p:par>
                                <p:cTn id="4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3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4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6370D1-9B38-BA82-1D45-3ABF2FED01A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3C32007-A9CB-F841-127E-7477F0C54C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ransforma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E26A1B4-B85F-93DE-7763-77B2D6D81CC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9</a:t>
            </a:fld>
            <a:endParaRPr lang="en-GB" dirty="0"/>
          </a:p>
        </p:txBody>
      </p:sp>
      <p:pic>
        <p:nvPicPr>
          <p:cNvPr id="1028" name="Picture 4" descr="Rotation Transformation">
            <a:extLst>
              <a:ext uri="{FF2B5EF4-FFF2-40B4-BE49-F238E27FC236}">
                <a16:creationId xmlns:a16="http://schemas.microsoft.com/office/drawing/2014/main" id="{B078C4FE-4B50-120B-8A92-683497AE9CB3}"/>
              </a:ext>
            </a:extLst>
          </p:cNvPr>
          <p:cNvPicPr>
            <a:picLocks noGrp="1" noChangeAspect="1" noChangeArrowheads="1"/>
          </p:cNvPicPr>
          <p:nvPr>
            <p:ph idx="17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738" y="542869"/>
            <a:ext cx="5715000" cy="3200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Scaling Transformation">
            <a:extLst>
              <a:ext uri="{FF2B5EF4-FFF2-40B4-BE49-F238E27FC236}">
                <a16:creationId xmlns:a16="http://schemas.microsoft.com/office/drawing/2014/main" id="{D917DBAB-55D9-CBE5-15DD-531AE27CD43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09494" y="192672"/>
            <a:ext cx="5715000" cy="3200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2" name="Picture 8" descr="Translate Transformation">
            <a:extLst>
              <a:ext uri="{FF2B5EF4-FFF2-40B4-BE49-F238E27FC236}">
                <a16:creationId xmlns:a16="http://schemas.microsoft.com/office/drawing/2014/main" id="{46CBE901-1A3D-E9C1-B277-6DCD7FEDAAA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09494" y="3464928"/>
            <a:ext cx="5715000" cy="3200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4" name="Picture 10" descr="Shearing Example">
            <a:extLst>
              <a:ext uri="{FF2B5EF4-FFF2-40B4-BE49-F238E27FC236}">
                <a16:creationId xmlns:a16="http://schemas.microsoft.com/office/drawing/2014/main" id="{F11A8F07-6B02-FAF7-5ACC-A70164E5459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5862" y="4100401"/>
            <a:ext cx="3013493" cy="16875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6" name="Picture 12" descr="Shearing Example">
            <a:extLst>
              <a:ext uri="{FF2B5EF4-FFF2-40B4-BE49-F238E27FC236}">
                <a16:creationId xmlns:a16="http://schemas.microsoft.com/office/drawing/2014/main" id="{BD899F53-B00E-5157-0008-DC9832EFAA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96955" y="4100401"/>
            <a:ext cx="2703783" cy="26066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7054061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500"/>
                                        <p:tgtEl>
                                          <p:spTgt spid="10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0" dur="500"/>
                                        <p:tgtEl>
                                          <p:spTgt spid="10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3" dur="500"/>
                                        <p:tgtEl>
                                          <p:spTgt spid="10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6" dur="500"/>
                                        <p:tgtEl>
                                          <p:spTgt spid="10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9" dur="500"/>
                                        <p:tgtEl>
                                          <p:spTgt spid="10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0A5A2B7-EBC1-30FC-459C-919C64BD50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aweł Gawędzki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E8999DD-304B-47DB-D3FC-C86E2C6822A5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Programming since 2008 (university time is not included)</a:t>
            </a:r>
          </a:p>
          <a:p>
            <a:r>
              <a:rPr lang="en-GB" dirty="0"/>
              <a:t>Netcompany since 2017</a:t>
            </a:r>
          </a:p>
          <a:p>
            <a:r>
              <a:rPr lang="en-GB" dirty="0"/>
              <a:t>Java star system, JVM planet</a:t>
            </a: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“Elegant JavaFX” article </a:t>
            </a:r>
            <a:r>
              <a:rPr lang="en-US" dirty="0">
                <a:solidFill>
                  <a:srgbClr val="202122"/>
                </a:solidFill>
                <a:latin typeface="Arial" panose="020B0604020202020204" pitchFamily="34" charset="0"/>
              </a:rPr>
              <a:t>on </a:t>
            </a:r>
            <a:r>
              <a:rPr lang="en-US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DZone</a:t>
            </a:r>
            <a:endParaRPr lang="en-US" b="0" i="0" dirty="0">
              <a:solidFill>
                <a:srgbClr val="202122"/>
              </a:solidFill>
              <a:effectLst/>
              <a:latin typeface="Arial" panose="020B0604020202020204" pitchFamily="34" charset="0"/>
            </a:endParaRP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JavaFX applications (… 99, DSH, </a:t>
            </a:r>
            <a:r>
              <a:rPr lang="en-US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PdfMerger</a:t>
            </a:r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, </a:t>
            </a:r>
            <a:r>
              <a:rPr lang="en-US" b="0" i="0" dirty="0" err="1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Gipter</a:t>
            </a:r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, monitor, jump-host, officer)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661458-F027-6EC3-9873-B8637674E9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AD138282-28E1-7D27-5F9E-2BFD06222B0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64" y="3795918"/>
            <a:ext cx="4584888" cy="30314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B6F578A-E853-71EA-2601-14E7C6318DE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106561" y="3813583"/>
            <a:ext cx="2656770" cy="300983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C5BFF734-6D54-2DBC-1713-1160AFE9DDA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827377" y="505128"/>
            <a:ext cx="5239498" cy="281330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FCE880A0-59F3-CCF9-859D-858E73846C06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793475" y="3505357"/>
            <a:ext cx="5316781" cy="332098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DB002E9B-93BC-28A1-D2A5-574AA8B1E3D1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-1586" y="20652"/>
            <a:ext cx="4078004" cy="1723238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11D83083-BF70-0B47-F62C-00CC1C1D0744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2986854" y="611697"/>
            <a:ext cx="3762997" cy="315392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9705164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0" fill="hold">
                            <p:stCondLst>
                              <p:cond delay="500"/>
                            </p:stCondLst>
                            <p:childTnLst>
                              <p:par>
                                <p:cTn id="3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5" fill="hold">
                            <p:stCondLst>
                              <p:cond delay="1000"/>
                            </p:stCondLst>
                            <p:childTnLst>
                              <p:par>
                                <p:cTn id="36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1500"/>
                            </p:stCondLst>
                            <p:childTnLst>
                              <p:par>
                                <p:cTn id="4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5" fill="hold">
                            <p:stCondLst>
                              <p:cond delay="2000"/>
                            </p:stCondLst>
                            <p:childTnLst>
                              <p:par>
                                <p:cTn id="46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9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0" fill="hold">
                            <p:stCondLst>
                              <p:cond delay="2500"/>
                            </p:stCondLst>
                            <p:childTnLst>
                              <p:par>
                                <p:cTn id="51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3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4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E490E47-C621-D298-DA8C-E45472AEA13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BEF96CA-935A-6173-9399-8C93A68A06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nimation</a:t>
            </a:r>
          </a:p>
        </p:txBody>
      </p:sp>
      <p:pic>
        <p:nvPicPr>
          <p:cNvPr id="2" name="2025-04-22 13-05-27">
            <a:hlinkClick r:id="" action="ppaction://media"/>
            <a:extLst>
              <a:ext uri="{FF2B5EF4-FFF2-40B4-BE49-F238E27FC236}">
                <a16:creationId xmlns:a16="http://schemas.microsoft.com/office/drawing/2014/main" id="{2232575C-529B-357C-D3BE-84DDDB81728B}"/>
              </a:ext>
            </a:extLst>
          </p:cNvPr>
          <p:cNvPicPr>
            <a:picLocks noGrp="1" noChangeAspect="1"/>
          </p:cNvPicPr>
          <p:nvPr>
            <p:ph idx="17"/>
            <a:vide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>
          <a:blip r:embed="rId7"/>
          <a:stretch>
            <a:fillRect/>
          </a:stretch>
        </p:blipFill>
        <p:spPr>
          <a:xfrm>
            <a:off x="972769" y="657370"/>
            <a:ext cx="10642059" cy="5986549"/>
          </a:xfr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03487A-F23F-3102-2DC7-D6112080F8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0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6215124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6600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repeatCount="indefinite" fill="remove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</p:childTnLst>
        </p:cTn>
      </p:par>
    </p:tn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72B6A0F-E193-AD87-39F2-6C4D3AAD5E8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18F6211-3128-23C9-4276-71A5AD89484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9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/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73E93B-7BD2-D1AC-E24B-38FF5FAA647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76138879"/>
      </p:ext>
    </p:extLst>
  </p:cSld>
  <p:clrMapOvr>
    <a:masterClrMapping/>
  </p:clrMapOvr>
  <p:transition spd="slow">
    <p:push dir="u"/>
  </p:transition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136B2F0-D77A-08FA-BD40-84195A9C304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D1F6CEB-E034-9C42-B92A-DC3DA45488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5738" y="185737"/>
            <a:ext cx="11818937" cy="947737"/>
          </a:xfrm>
        </p:spPr>
        <p:txBody>
          <a:bodyPr anchor="t">
            <a:normAutofit/>
          </a:bodyPr>
          <a:lstStyle/>
          <a:p>
            <a:r>
              <a:rPr lang="en-GB" dirty="0"/>
              <a:t>Framework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9DF08B0-63B9-1F39-3DF8-902D262FB59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85739" y="1438275"/>
            <a:ext cx="5816600" cy="4562476"/>
          </a:xfrm>
        </p:spPr>
        <p:txBody>
          <a:bodyPr>
            <a:normAutofit/>
          </a:bodyPr>
          <a:lstStyle/>
          <a:p>
            <a:r>
              <a:rPr lang="en-GB" dirty="0"/>
              <a:t>Not many known to me.</a:t>
            </a:r>
          </a:p>
          <a:p>
            <a:r>
              <a:rPr lang="en-GB" dirty="0" err="1"/>
              <a:t>AtlantaFX</a:t>
            </a:r>
            <a:r>
              <a:rPr lang="en-GB" dirty="0"/>
              <a:t> – themes. </a:t>
            </a:r>
          </a:p>
          <a:p>
            <a:r>
              <a:rPr lang="en-GB" dirty="0" err="1"/>
              <a:t>TestFX</a:t>
            </a:r>
            <a:r>
              <a:rPr lang="en-GB" dirty="0"/>
              <a:t> – UI testing.</a:t>
            </a:r>
          </a:p>
          <a:p>
            <a:r>
              <a:rPr lang="en-GB" dirty="0" err="1"/>
              <a:t>ControlsFX</a:t>
            </a:r>
            <a:r>
              <a:rPr lang="en-GB" dirty="0"/>
              <a:t> – additional controls.</a:t>
            </a:r>
          </a:p>
          <a:p>
            <a:r>
              <a:rPr lang="en-GB" dirty="0"/>
              <a:t>More: </a:t>
            </a:r>
          </a:p>
          <a:p>
            <a:pPr lvl="1"/>
            <a:r>
              <a:rPr lang="en-GB" dirty="0">
                <a:hlinkClick r:id="rId5"/>
              </a:rPr>
              <a:t>https://gluonhq.com/products/gluonfx/</a:t>
            </a:r>
            <a:endParaRPr lang="en-GB" dirty="0"/>
          </a:p>
          <a:p>
            <a:pPr lvl="1"/>
            <a:r>
              <a:rPr lang="en-GB" dirty="0">
                <a:hlinkClick r:id="rId6"/>
              </a:rPr>
              <a:t>https://openjfx.io/</a:t>
            </a:r>
            <a:endParaRPr lang="en-GB" dirty="0"/>
          </a:p>
          <a:p>
            <a:pPr lvl="1"/>
            <a:endParaRPr lang="en-GB" dirty="0"/>
          </a:p>
          <a:p>
            <a:r>
              <a:rPr lang="en-GB" dirty="0"/>
              <a:t>What about Spring?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BD1FBE5-BDF1-3ECC-C2BA-699353F2EF1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467149" y="222819"/>
            <a:ext cx="6537526" cy="2402540"/>
          </a:xfrm>
          <a:prstGeom prst="rect">
            <a:avLst/>
          </a:prstGeom>
          <a:noFill/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1EE265-A1C8-3D8A-89BB-58BDAA40CCA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4314" y="6474619"/>
            <a:ext cx="360360" cy="196056"/>
          </a:xfrm>
        </p:spPr>
        <p:txBody>
          <a:bodyPr anchor="b">
            <a:normAutofit fontScale="25000" lnSpcReduction="20000"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fld id="{23AA811B-2EBD-4900-905E-5BE206449611}" type="slidenum">
              <a:rPr lang="en-GB" sz="300" smtClean="0"/>
              <a:pPr>
                <a:lnSpc>
                  <a:spcPct val="90000"/>
                </a:lnSpc>
                <a:spcAft>
                  <a:spcPts val="600"/>
                </a:spcAft>
              </a:pPr>
              <a:t>32</a:t>
            </a:fld>
            <a:endParaRPr lang="en-GB" sz="30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C41E1E6-22AF-2B23-A3F9-B392D339D24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582855" y="128127"/>
            <a:ext cx="10431331" cy="660174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3106786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6" presetClass="entr" presetSubtype="2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000"/>
                            </p:stCondLst>
                            <p:childTnLst>
                              <p:par>
                                <p:cTn id="18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25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6" fill="hold">
                            <p:stCondLst>
                              <p:cond delay="500"/>
                            </p:stCondLst>
                            <p:childTnLst>
                              <p:par>
                                <p:cTn id="27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29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0" fill="hold">
                            <p:stCondLst>
                              <p:cond delay="1000"/>
                            </p:stCondLst>
                            <p:childTnLst>
                              <p:par>
                                <p:cTn id="31" presetID="16" presetClass="entr" presetSubtype="21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33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6" presetClass="entr" presetSubtype="2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44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0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38263B-2937-0A66-CD6A-67B2D1650C6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0FD32E9-F6B4-FD69-3241-24123841614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43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+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+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/>
              <a:t>Action &amp; Q &amp; A</a:t>
            </a:r>
            <a:endParaRPr lang="en-GB" sz="2800" dirty="0">
              <a:solidFill>
                <a:schemeClr val="accent2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2A33157-1C07-6579-4441-6F46AC19C19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65373250"/>
      </p:ext>
    </p:extLst>
  </p:cSld>
  <p:clrMapOvr>
    <a:masterClrMapping/>
  </p:clrMapOvr>
  <p:transition spd="slow">
    <p:push dir="u"/>
  </p:transition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4314DF0-DA8A-E45C-16EA-E7419BB3A1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DF66046-377C-232A-7C9E-19EAD00A87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most common mistakes according to AI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6FF17CD-3110-69B2-CC2F-08585E75C4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4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A2BB5A4-D696-AA1E-28FC-3E2C4D1E639D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1438274"/>
            <a:ext cx="11818937" cy="5129794"/>
          </a:xfrm>
        </p:spPr>
        <p:txBody>
          <a:bodyPr>
            <a:normAutofit/>
          </a:bodyPr>
          <a:lstStyle/>
          <a:p>
            <a:r>
              <a:rPr lang="en-US" dirty="0"/>
              <a:t>Common problems for beginners by:</a:t>
            </a:r>
          </a:p>
          <a:p>
            <a:r>
              <a:rPr lang="en-US">
                <a:hlinkClick r:id="rId5" action="ppaction://hlinkfile"/>
              </a:rPr>
              <a:t>Cortex</a:t>
            </a:r>
            <a:r>
              <a:rPr lang="en-US"/>
              <a:t> </a:t>
            </a:r>
            <a:endParaRPr lang="en-US" dirty="0"/>
          </a:p>
          <a:p>
            <a:r>
              <a:rPr lang="en-US" dirty="0" err="1">
                <a:hlinkClick r:id="rId6" action="ppaction://hlinkfile"/>
              </a:rPr>
              <a:t>DeepSeek</a:t>
            </a:r>
            <a:r>
              <a:rPr lang="en-US" dirty="0"/>
              <a:t>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6013182"/>
      </p:ext>
    </p:extLst>
  </p:cSld>
  <p:clrMapOvr>
    <a:masterClrMapping/>
  </p:clrMapOvr>
  <p:transition spd="slow">
    <p:push dir="u"/>
  </p:transition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532AB6-2809-97E7-0E4B-4D92937038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C9A47DA-9226-FD31-A9A5-DD9A33A9F60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here to start?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0F31920-6331-9A7B-BFC1-349DD0C8A5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5</a:t>
            </a:fld>
            <a:endParaRPr lang="en-GB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046B36F-696D-042B-335C-85FA180FBF92}"/>
              </a:ext>
            </a:extLst>
          </p:cNvPr>
          <p:cNvSpPr>
            <a:spLocks noGrp="1"/>
          </p:cNvSpPr>
          <p:nvPr>
            <p:ph idx="17"/>
          </p:nvPr>
        </p:nvSpPr>
        <p:spPr>
          <a:xfrm>
            <a:off x="185738" y="688369"/>
            <a:ext cx="11818937" cy="5879699"/>
          </a:xfrm>
        </p:spPr>
        <p:txBody>
          <a:bodyPr>
            <a:normAutofit fontScale="92500" lnSpcReduction="10000"/>
          </a:bodyPr>
          <a:lstStyle/>
          <a:p>
            <a:r>
              <a:rPr lang="en-US" dirty="0">
                <a:hlinkClick r:id="rId5"/>
              </a:rPr>
              <a:t>https://docs.oracle.com/javase/8/javafx/get-started-tutorial/get_start_apps.htm</a:t>
            </a:r>
            <a:endParaRPr lang="en-US" dirty="0"/>
          </a:p>
          <a:p>
            <a:r>
              <a:rPr lang="en-US" dirty="0">
                <a:hlinkClick r:id="rId6"/>
              </a:rPr>
              <a:t>https://openjfx.io/#community</a:t>
            </a:r>
            <a:r>
              <a:rPr lang="en-US" dirty="0"/>
              <a:t> </a:t>
            </a:r>
          </a:p>
          <a:p>
            <a:r>
              <a:rPr lang="en-US" dirty="0">
                <a:hlinkClick r:id="rId5"/>
              </a:rPr>
              <a:t>https://docs.oracle.com/javase/8/javafx/get-started-tutorial/get_start_apps.htm</a:t>
            </a:r>
            <a:endParaRPr lang="en-US" dirty="0"/>
          </a:p>
          <a:p>
            <a:r>
              <a:rPr lang="en-US" dirty="0">
                <a:hlinkClick r:id="rId7"/>
              </a:rPr>
              <a:t>https://gluonhq.com/</a:t>
            </a:r>
            <a:endParaRPr lang="en-US" dirty="0"/>
          </a:p>
          <a:p>
            <a:r>
              <a:rPr lang="en-US" dirty="0">
                <a:hlinkClick r:id="rId8"/>
              </a:rPr>
              <a:t>https://docs.oracle.com/javafx/2/threads/jfxpub-threads.htm</a:t>
            </a:r>
            <a:endParaRPr lang="en-US" dirty="0"/>
          </a:p>
          <a:p>
            <a:r>
              <a:rPr lang="en-US" dirty="0">
                <a:hlinkClick r:id="rId9"/>
              </a:rPr>
              <a:t>https://docs.oracle.com/javafx/2/binding/jfxpub-binding.htm</a:t>
            </a:r>
            <a:endParaRPr lang="en-US" dirty="0"/>
          </a:p>
          <a:p>
            <a:r>
              <a:rPr lang="en-US" dirty="0">
                <a:hlinkClick r:id="rId10"/>
              </a:rPr>
              <a:t>https://docs.oracle.com/javase/8/javafx/properties-binding-tutorial/binding.htm</a:t>
            </a:r>
            <a:endParaRPr lang="en-US" dirty="0"/>
          </a:p>
          <a:p>
            <a:r>
              <a:rPr lang="en-US" dirty="0">
                <a:hlinkClick r:id="rId11"/>
              </a:rPr>
              <a:t>https://docs.oracle.com/javase/8/javase-clienttechnologies.htm</a:t>
            </a:r>
            <a:endParaRPr lang="en-US" dirty="0"/>
          </a:p>
          <a:p>
            <a:r>
              <a:rPr lang="en-US" dirty="0">
                <a:hlinkClick r:id="rId12"/>
              </a:rPr>
              <a:t>https://dzone.com/articles/the-bean-class-for-javafx-programming</a:t>
            </a:r>
            <a:endParaRPr lang="en-US" dirty="0"/>
          </a:p>
          <a:p>
            <a:r>
              <a:rPr lang="en-US" dirty="0">
                <a:hlinkClick r:id="rId13"/>
              </a:rPr>
              <a:t>https://github.com/TestFX/TestFX</a:t>
            </a:r>
            <a:endParaRPr lang="en-US" dirty="0"/>
          </a:p>
          <a:p>
            <a:r>
              <a:rPr lang="en-US" dirty="0">
                <a:hlinkClick r:id="rId14"/>
              </a:rPr>
              <a:t>https://mkpaz.github.io/atlantafx/</a:t>
            </a:r>
            <a:endParaRPr lang="en-US" dirty="0"/>
          </a:p>
          <a:p>
            <a:r>
              <a:rPr lang="en-US" dirty="0">
                <a:hlinkClick r:id="rId15"/>
              </a:rPr>
              <a:t>https://controlsfx.github.io/</a:t>
            </a:r>
            <a:r>
              <a:rPr lang="en-US" dirty="0"/>
              <a:t> </a:t>
            </a:r>
          </a:p>
          <a:p>
            <a:r>
              <a:rPr lang="en-US" dirty="0">
                <a:hlinkClick r:id="rId16"/>
              </a:rPr>
              <a:t>https://www.tutorialspoint.com/javafx/index.htm</a:t>
            </a:r>
            <a:r>
              <a:rPr lang="en-US" dirty="0"/>
              <a:t> </a:t>
            </a:r>
          </a:p>
          <a:p>
            <a:r>
              <a:rPr lang="en-US" dirty="0">
                <a:hlinkClick r:id="rId17"/>
              </a:rPr>
              <a:t>https://www.jpro.one/</a:t>
            </a:r>
            <a:r>
              <a:rPr lang="en-US" dirty="0"/>
              <a:t> </a:t>
            </a:r>
          </a:p>
          <a:p>
            <a:r>
              <a:rPr lang="en-US" dirty="0">
                <a:hlinkClick r:id="rId18"/>
              </a:rPr>
              <a:t>https://dzone.com/articles/20-examples-of-using-javas-completablefuture</a:t>
            </a:r>
            <a:r>
              <a:rPr lang="en-US" dirty="0"/>
              <a:t> </a:t>
            </a:r>
          </a:p>
          <a:p>
            <a:r>
              <a:rPr lang="en-US" dirty="0">
                <a:hlinkClick r:id="rId19"/>
              </a:rPr>
              <a:t>https://dzone.com/articles/java-8-definitive-guide</a:t>
            </a:r>
            <a:endParaRPr lang="en-US" dirty="0"/>
          </a:p>
          <a:p>
            <a:r>
              <a:rPr lang="en-US" dirty="0">
                <a:hlinkClick r:id="rId20"/>
              </a:rPr>
              <a:t>https://dzone.com/articles/exception-handling-in-java-completablefuture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9166200"/>
      </p:ext>
    </p:extLst>
  </p:cSld>
  <p:clrMapOvr>
    <a:masterClrMapping/>
  </p:clrMapOvr>
  <p:transition spd="slow">
    <p:push dir="u"/>
  </p:transition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9BEB7E2-5F92-8EFE-C4C8-E1CCC5E932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29DE0F0-F707-9694-AE8C-5CF077FEBC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onus</a:t>
            </a:r>
          </a:p>
        </p:txBody>
      </p:sp>
      <p:graphicFrame>
        <p:nvGraphicFramePr>
          <p:cNvPr id="2" name="Content Placeholder 1">
            <a:extLst>
              <a:ext uri="{FF2B5EF4-FFF2-40B4-BE49-F238E27FC236}">
                <a16:creationId xmlns:a16="http://schemas.microsoft.com/office/drawing/2014/main" id="{2BADD1E0-A27B-B73A-1251-2AB17D61B3EB}"/>
              </a:ext>
            </a:extLst>
          </p:cNvPr>
          <p:cNvGraphicFramePr>
            <a:graphicFrameLocks noGrp="1"/>
          </p:cNvGraphicFramePr>
          <p:nvPr>
            <p:ph idx="17"/>
            <p:extLst>
              <p:ext uri="{D42A27DB-BD31-4B8C-83A1-F6EECF244321}">
                <p14:modId xmlns:p14="http://schemas.microsoft.com/office/powerpoint/2010/main" val="2348968124"/>
              </p:ext>
            </p:extLst>
          </p:nvPr>
        </p:nvGraphicFramePr>
        <p:xfrm>
          <a:off x="185738" y="659605"/>
          <a:ext cx="11818936" cy="603250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5909468">
                  <a:extLst>
                    <a:ext uri="{9D8B030D-6E8A-4147-A177-3AD203B41FA5}">
                      <a16:colId xmlns:a16="http://schemas.microsoft.com/office/drawing/2014/main" val="4007414437"/>
                    </a:ext>
                  </a:extLst>
                </a:gridCol>
                <a:gridCol w="5909468">
                  <a:extLst>
                    <a:ext uri="{9D8B030D-6E8A-4147-A177-3AD203B41FA5}">
                      <a16:colId xmlns:a16="http://schemas.microsoft.com/office/drawing/2014/main" val="238848733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Java Swin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JavaFX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9008939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is the standard toolkit for Java developers in creating GUI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grants platform assistance for designing desktop applications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2906932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a further refined collection of GUI components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has a fair amount of UI components available but is more inferior to what Swing provides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54730248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is a legacy library that fully features and provides pluggable UI components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has UI components that are still growing with a further advanced look and feel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5992709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can implement UI components with a conventional look and feel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can provide rich internet applications having a modern UI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9658625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-related classes can be found in the Java API guide with complete documentation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doc is available in various formats with comprehensive detailing and file support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98114035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is an advent in nature. Hence, it can produce UI components using conventional Java component classes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 FX originally uses a declarative language called JavaFX Script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65634148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Swing has a UI component library and acts as a legacy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JavaFX has several components built over Sw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36216854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assistance for MVC, but it is not uniform across a component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>
                          <a:effectLst/>
                        </a:rPr>
                        <a:t> JavaFX support is really favorable with MVC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287814478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various IDEs, which offer a tool for rapid development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has also support from numerous IDEs as well, but it is not as experienced as Sw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37749122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A swing was renamed from Java Foundation Classes, and sun microsystems announced it in the year 1997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was initially released in December 2008 by Sun microsystem, later acquired by Oracle, now under Gluon care and development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38587131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Events in Swing aren’t that consistent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 Events in JavaFX are higher thought-out and additional consistent than their equivalents in Sw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06313293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lacks any support for modern touch devices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has fundamental maintenance for signature gestures resembling scrolling, swiping, rotating, and zooming.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159650409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Swing has basic controls like buttons, checkboxes, and bandboxes.</a:t>
                      </a:r>
                    </a:p>
                  </a:txBody>
                  <a:tcPr marL="95250" marR="95250" marT="133350" marB="13335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en-US" sz="900" b="0" dirty="0">
                          <a:effectLst/>
                        </a:rPr>
                        <a:t>JavaFX has many eye-catching controls that Swing doesn’t have</a:t>
                      </a:r>
                    </a:p>
                  </a:txBody>
                  <a:tcPr marL="95250" marR="95250" marT="133350" marB="133350" anchor="ctr"/>
                </a:tc>
                <a:extLst>
                  <a:ext uri="{0D108BD9-81ED-4DB2-BD59-A6C34878D82A}">
                    <a16:rowId xmlns:a16="http://schemas.microsoft.com/office/drawing/2014/main" val="69976752"/>
                  </a:ext>
                </a:extLst>
              </a:tr>
            </a:tbl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D2D54DF-E71A-CDE4-49A1-4F868ACE4DD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93614684"/>
      </p:ext>
    </p:extLst>
  </p:cSld>
  <p:clrMapOvr>
    <a:masterClrMapping/>
  </p:clrMapOvr>
  <p:transition spd="slow">
    <p:push dir="u"/>
  </p:transition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EA58194-9CE3-7CC1-A519-C09A6671CB8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GB" dirty="0"/>
              <a:t>Paweł Gawędzki</a:t>
            </a:r>
          </a:p>
          <a:p>
            <a:r>
              <a:rPr lang="en-GB" dirty="0"/>
              <a:t>pawg@netcompany.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80526366"/>
      </p:ext>
    </p:extLst>
  </p:cSld>
  <p:clrMapOvr>
    <a:masterClrMapping/>
  </p:clrMapOvr>
  <p:transition spd="slow">
    <p:push dir="u"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898CD1-6353-75B3-EC15-E417211A925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F21DEA0-1000-91D7-2486-E96D5FF66EF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9"/>
            <a:ext cx="9030491" cy="5420118"/>
          </a:xfrm>
        </p:spPr>
        <p:txBody>
          <a:bodyPr/>
          <a:lstStyle/>
          <a:p>
            <a:r>
              <a:rPr lang="en-GB" sz="2800" dirty="0"/>
              <a:t>What is JavaFX?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-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–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31A37A6-5850-66FF-38BE-3400C21E211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8999370"/>
      </p:ext>
    </p:extLst>
  </p:cSld>
  <p:clrMapOvr>
    <a:masterClrMapping/>
  </p:clrMapOvr>
  <p:transition spd="slow">
    <p:push dir="u"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F5ADFF0-8F22-2523-626F-6D96CC41C49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FE4B8EA-2091-8E31-A6BA-8ABE98C38D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hat is JavaFX?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E73282E-67CA-73FB-9059-BDF417D66F66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Announced May 2007</a:t>
            </a:r>
          </a:p>
          <a:p>
            <a:r>
              <a:rPr lang="en-GB" dirty="0"/>
              <a:t>Preview end of July 2008, release December 2008</a:t>
            </a: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October 10, 2011, JavaFX 2.0</a:t>
            </a:r>
          </a:p>
          <a:p>
            <a:r>
              <a:rPr lang="en-US" b="0" i="0" dirty="0">
                <a:solidFill>
                  <a:srgbClr val="202122"/>
                </a:solidFill>
                <a:effectLst/>
                <a:latin typeface="Arial" panose="020B0604020202020204" pitchFamily="34" charset="0"/>
              </a:rPr>
              <a:t>JavaFX 11 was first shipped in September 2018 (no longer bundled with JDK, openjfx.io Gluon).</a:t>
            </a:r>
          </a:p>
          <a:p>
            <a:r>
              <a:rPr lang="en-GB" dirty="0"/>
              <a:t>Allows building GUI with windows/frames.</a:t>
            </a:r>
          </a:p>
          <a:p>
            <a:r>
              <a:rPr lang="en-GB" dirty="0"/>
              <a:t>AWT, Swing, JavaFX, Eclipse SWT (</a:t>
            </a:r>
            <a:r>
              <a:rPr lang="en-GB" dirty="0" err="1"/>
              <a:t>DBeaver</a:t>
            </a:r>
            <a:r>
              <a:rPr lang="en-GB" dirty="0"/>
              <a:t>).</a:t>
            </a:r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5E90C9-8A15-F022-3ED4-15DD64BE90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53106661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0" fill="hold">
                            <p:stCondLst>
                              <p:cond delay="2000"/>
                            </p:stCondLst>
                            <p:childTnLst>
                              <p:par>
                                <p:cTn id="2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4" fill="hold">
                            <p:stCondLst>
                              <p:cond delay="2500"/>
                            </p:stCondLst>
                            <p:childTnLst>
                              <p:par>
                                <p:cTn id="2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64E00E1-2164-F968-BB20-951D768894F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FD4946F-1FF6-7687-3275-94B9FDF02B2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974183" y="1036439"/>
            <a:ext cx="9030491" cy="5420118"/>
          </a:xfrm>
        </p:spPr>
        <p:txBody>
          <a:bodyPr/>
          <a:lstStyle/>
          <a:p>
            <a:r>
              <a:rPr lang="en-GB" sz="2800" dirty="0">
                <a:solidFill>
                  <a:schemeClr val="accent2"/>
                </a:solidFill>
              </a:rPr>
              <a:t>What is JavaFX?</a:t>
            </a:r>
          </a:p>
          <a:p>
            <a:r>
              <a:rPr lang="en-GB" sz="2800" dirty="0"/>
              <a:t>Architecture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XML – Scene Builder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Events – Properties - Listener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Property bind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Background processing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CSS – Transformation – Animation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Frameworks</a:t>
            </a:r>
          </a:p>
          <a:p>
            <a:r>
              <a:rPr lang="en-GB" sz="2800" dirty="0">
                <a:solidFill>
                  <a:schemeClr val="accent2"/>
                </a:solidFill>
              </a:rPr>
              <a:t>Action &amp; Q &amp; A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C221A3E-3F36-44D3-0493-21D7672E49A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0672568"/>
      </p:ext>
    </p:extLst>
  </p:cSld>
  <p:clrMapOvr>
    <a:masterClrMapping/>
  </p:clrMapOvr>
  <p:transition spd="slow">
    <p:push dir="u"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413DAD5-5A7A-B7F7-D9FC-DB132595A5B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7C80F3ED-4908-D02D-0168-3D7E5A3C37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en-GB" dirty="0"/>
              <a:t>Architectur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020CEE0-586F-EB97-8000-17DC8481E043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>
            <a:normAutofit fontScale="92500" lnSpcReduction="10000"/>
          </a:bodyPr>
          <a:lstStyle/>
          <a:p>
            <a:endParaRPr lang="en-US" dirty="0"/>
          </a:p>
          <a:p>
            <a:r>
              <a:rPr lang="en-US" dirty="0"/>
              <a:t>JavaFX public APIs</a:t>
            </a:r>
          </a:p>
          <a:p>
            <a:r>
              <a:rPr lang="en-US" dirty="0"/>
              <a:t>Scene Graph - starting point for constructing a JavaFX application</a:t>
            </a:r>
          </a:p>
          <a:p>
            <a:pPr lvl="1"/>
            <a:r>
              <a:rPr lang="en-US" dirty="0"/>
              <a:t>Hierarchical tree of nodes that represents all of the visual elements of the application's user interface. </a:t>
            </a:r>
          </a:p>
          <a:p>
            <a:pPr lvl="1"/>
            <a:r>
              <a:rPr lang="en-US" dirty="0"/>
              <a:t>It can handle input and can be rendered.</a:t>
            </a:r>
          </a:p>
          <a:p>
            <a:endParaRPr lang="en-US" dirty="0"/>
          </a:p>
          <a:p>
            <a:r>
              <a:rPr lang="en-US" dirty="0"/>
              <a:t>Quantum Toolkit – graphics system, engine that runs JavaFX code. </a:t>
            </a:r>
          </a:p>
          <a:p>
            <a:pPr lvl="1"/>
            <a:r>
              <a:rPr lang="en-US" dirty="0"/>
              <a:t>Prism - JavaFX high performance graphics engine.</a:t>
            </a:r>
          </a:p>
          <a:p>
            <a:pPr lvl="1"/>
            <a:r>
              <a:rPr lang="en-US" dirty="0"/>
              <a:t>Glass Window Toolkit - a small and efficient windowing system, </a:t>
            </a:r>
            <a:br>
              <a:rPr lang="en-US" dirty="0"/>
            </a:br>
            <a:r>
              <a:rPr lang="en-US" dirty="0"/>
              <a:t>the platform-dependent layer that connects the JavaFX platform </a:t>
            </a:r>
            <a:br>
              <a:rPr lang="en-US" dirty="0"/>
            </a:br>
            <a:r>
              <a:rPr lang="en-US" dirty="0"/>
              <a:t>to the native operating system.</a:t>
            </a:r>
          </a:p>
          <a:p>
            <a:pPr lvl="1"/>
            <a:r>
              <a:rPr lang="en-US" dirty="0"/>
              <a:t>Media engine - supports both visual and audio media.</a:t>
            </a:r>
          </a:p>
          <a:p>
            <a:pPr lvl="1"/>
            <a:r>
              <a:rPr lang="en-US" dirty="0"/>
              <a:t>Web engine - based on </a:t>
            </a:r>
            <a:r>
              <a:rPr lang="en-US" dirty="0" err="1"/>
              <a:t>Webkit</a:t>
            </a:r>
            <a:r>
              <a:rPr lang="en-US" dirty="0"/>
              <a:t>, that provides a Web viewer </a:t>
            </a:r>
            <a:br>
              <a:rPr lang="en-US" dirty="0"/>
            </a:br>
            <a:r>
              <a:rPr lang="en-US" dirty="0"/>
              <a:t>and full browsing functionality through its API.</a:t>
            </a:r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pPr marL="0" indent="0">
              <a:buNone/>
            </a:pPr>
            <a:endParaRPr lang="en-GB" sz="110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80E6427-E44D-4F8C-1A56-4C281F062B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 fontScale="25000" lnSpcReduction="20000"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fld id="{23AA811B-2EBD-4900-905E-5BE206449611}" type="slidenum">
              <a:rPr lang="en-GB" sz="300" smtClean="0"/>
              <a:pPr>
                <a:lnSpc>
                  <a:spcPct val="90000"/>
                </a:lnSpc>
                <a:spcAft>
                  <a:spcPts val="600"/>
                </a:spcAft>
              </a:pPr>
              <a:t>7</a:t>
            </a:fld>
            <a:endParaRPr lang="en-GB" sz="300"/>
          </a:p>
        </p:txBody>
      </p:sp>
      <p:pic>
        <p:nvPicPr>
          <p:cNvPr id="2" name="Picture 2" descr="Description of Figure 2-1 follows">
            <a:extLst>
              <a:ext uri="{FF2B5EF4-FFF2-40B4-BE49-F238E27FC236}">
                <a16:creationId xmlns:a16="http://schemas.microsoft.com/office/drawing/2014/main" id="{9B843B6F-004D-A89D-C994-8CC2D83C61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79762" y="242386"/>
            <a:ext cx="5637089" cy="18174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Picture 6" descr="Scene Graph">
            <a:extLst>
              <a:ext uri="{FF2B5EF4-FFF2-40B4-BE49-F238E27FC236}">
                <a16:creationId xmlns:a16="http://schemas.microsoft.com/office/drawing/2014/main" id="{1C674C8C-3B22-957C-64FE-2055AD935BD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54456" y="2849438"/>
            <a:ext cx="3950218" cy="28342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0621601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" fill="hold">
                            <p:stCondLst>
                              <p:cond delay="500"/>
                            </p:stCondLst>
                            <p:childTnLst>
                              <p:par>
                                <p:cTn id="1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1000"/>
                            </p:stCondLst>
                            <p:childTnLst>
                              <p:par>
                                <p:cTn id="1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1500"/>
                            </p:stCondLst>
                            <p:childTnLst>
                              <p:par>
                                <p:cTn id="1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20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2500"/>
                            </p:stCondLst>
                            <p:childTnLst>
                              <p:par>
                                <p:cTn id="26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5" fill="hold">
                            <p:stCondLst>
                              <p:cond delay="500"/>
                            </p:stCondLst>
                            <p:childTnLst>
                              <p:par>
                                <p:cTn id="3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9" fill="hold">
                            <p:stCondLst>
                              <p:cond delay="1000"/>
                            </p:stCondLst>
                            <p:childTnLst>
                              <p:par>
                                <p:cTn id="4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3" fill="hold">
                            <p:stCondLst>
                              <p:cond delay="1500"/>
                            </p:stCondLst>
                            <p:childTnLst>
                              <p:par>
                                <p:cTn id="4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7" fill="hold">
                            <p:stCondLst>
                              <p:cond delay="2000"/>
                            </p:stCondLst>
                            <p:childTnLst>
                              <p:par>
                                <p:cTn id="4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500"/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37588D-07D0-879A-DDC0-821745EA89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2631896-1978-DB01-A05B-ED0C2D72FB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en-GB" dirty="0"/>
              <a:t>Window – Stage – Scen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4202A9F-B694-9D4B-9BD5-09F9A806085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r>
              <a:rPr lang="en-GB" dirty="0"/>
              <a:t>Window is Stage</a:t>
            </a:r>
          </a:p>
          <a:p>
            <a:r>
              <a:rPr lang="en-GB" dirty="0"/>
              <a:t>Stage contains Scene</a:t>
            </a:r>
          </a:p>
          <a:p>
            <a:r>
              <a:rPr lang="en-GB" dirty="0"/>
              <a:t>Scene (container) consists of Controls</a:t>
            </a:r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endParaRPr lang="en-GB" sz="1100" dirty="0"/>
          </a:p>
          <a:p>
            <a:pPr marL="0" indent="0">
              <a:buNone/>
            </a:pPr>
            <a:endParaRPr lang="en-GB" sz="110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5BECF59-CD2C-3F2C-577D-9E4EC15097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 fontScale="25000" lnSpcReduction="20000"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fld id="{23AA811B-2EBD-4900-905E-5BE206449611}" type="slidenum">
              <a:rPr lang="en-GB" sz="300" smtClean="0"/>
              <a:pPr>
                <a:lnSpc>
                  <a:spcPct val="90000"/>
                </a:lnSpc>
                <a:spcAft>
                  <a:spcPts val="600"/>
                </a:spcAft>
              </a:pPr>
              <a:t>8</a:t>
            </a:fld>
            <a:endParaRPr lang="en-GB" sz="300"/>
          </a:p>
        </p:txBody>
      </p:sp>
      <p:pic>
        <p:nvPicPr>
          <p:cNvPr id="1026" name="Picture 2" descr="helloworld scenegraph">
            <a:extLst>
              <a:ext uri="{FF2B5EF4-FFF2-40B4-BE49-F238E27FC236}">
                <a16:creationId xmlns:a16="http://schemas.microsoft.com/office/drawing/2014/main" id="{D694E7A4-E12D-45C2-B420-23A999A41A8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916059" y="2499438"/>
            <a:ext cx="4954779" cy="3975181"/>
          </a:xfrm>
          <a:prstGeom prst="rect">
            <a:avLst/>
          </a:prstGeom>
          <a:solidFill>
            <a:srgbClr val="FFFFFF"/>
          </a:solidFill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1547173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3366BCE-C744-7717-D916-F3611CC76B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49D42AF-C9C6-3114-73AE-414F17CE78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UI Control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D96B8BE-8CEC-055E-FAB7-86E6CD0A72A1}"/>
              </a:ext>
            </a:extLst>
          </p:cNvPr>
          <p:cNvSpPr>
            <a:spLocks noGrp="1"/>
          </p:cNvSpPr>
          <p:nvPr>
            <p:ph idx="17"/>
          </p:nvPr>
        </p:nvSpPr>
        <p:spPr/>
        <p:txBody>
          <a:bodyPr/>
          <a:lstStyle/>
          <a:p>
            <a:r>
              <a:rPr lang="en-GB" dirty="0"/>
              <a:t>Layout (</a:t>
            </a:r>
            <a:r>
              <a:rPr lang="en-GB" dirty="0" err="1"/>
              <a:t>AnchorPane</a:t>
            </a:r>
            <a:r>
              <a:rPr lang="en-GB" dirty="0"/>
              <a:t>, </a:t>
            </a:r>
            <a:r>
              <a:rPr lang="en-GB" dirty="0" err="1"/>
              <a:t>TitledPane</a:t>
            </a:r>
            <a:r>
              <a:rPr lang="en-GB" dirty="0"/>
              <a:t>, </a:t>
            </a:r>
            <a:r>
              <a:rPr lang="en-GB" dirty="0" err="1"/>
              <a:t>Vbox</a:t>
            </a:r>
            <a:r>
              <a:rPr lang="en-GB" dirty="0"/>
              <a:t>, </a:t>
            </a:r>
            <a:r>
              <a:rPr lang="en-GB" dirty="0" err="1"/>
              <a:t>Hbox</a:t>
            </a:r>
            <a:r>
              <a:rPr lang="en-GB" dirty="0"/>
              <a:t>, </a:t>
            </a:r>
            <a:r>
              <a:rPr lang="en-GB" dirty="0" err="1"/>
              <a:t>FlowPane</a:t>
            </a:r>
            <a:r>
              <a:rPr lang="en-GB" dirty="0"/>
              <a:t>, </a:t>
            </a:r>
            <a:r>
              <a:rPr lang="en-GB" dirty="0" err="1"/>
              <a:t>GridPane</a:t>
            </a:r>
            <a:r>
              <a:rPr lang="en-GB" dirty="0"/>
              <a:t> …)</a:t>
            </a:r>
          </a:p>
          <a:p>
            <a:r>
              <a:rPr lang="en-GB" dirty="0"/>
              <a:t>Action based (Button, </a:t>
            </a:r>
            <a:r>
              <a:rPr lang="en-GB" dirty="0" err="1"/>
              <a:t>ListView</a:t>
            </a:r>
            <a:r>
              <a:rPr lang="en-GB" dirty="0"/>
              <a:t>, </a:t>
            </a:r>
            <a:r>
              <a:rPr lang="en-GB" dirty="0" err="1"/>
              <a:t>TextField</a:t>
            </a:r>
            <a:r>
              <a:rPr lang="en-GB" dirty="0"/>
              <a:t> …)</a:t>
            </a:r>
          </a:p>
          <a:p>
            <a:r>
              <a:rPr lang="en-GB" dirty="0"/>
              <a:t>Charts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D64BCC5-CE4A-1D70-5360-06AAB3CBA0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2050" name="Picture 2" descr="Description of Figure 2-3 follows">
            <a:extLst>
              <a:ext uri="{FF2B5EF4-FFF2-40B4-BE49-F238E27FC236}">
                <a16:creationId xmlns:a16="http://schemas.microsoft.com/office/drawing/2014/main" id="{C2632EA0-0430-4E3C-4009-73BE90C6060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417776" y="2187835"/>
            <a:ext cx="5531662" cy="447713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6" name="Picture 2" descr="Types of graphical charts">
            <a:extLst>
              <a:ext uri="{FF2B5EF4-FFF2-40B4-BE49-F238E27FC236}">
                <a16:creationId xmlns:a16="http://schemas.microsoft.com/office/drawing/2014/main" id="{C899AD0B-9E1E-7255-809E-31F438ED889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01269" y="813832"/>
            <a:ext cx="5676900" cy="6038850"/>
          </a:xfrm>
          <a:prstGeom prst="rect">
            <a:avLst/>
          </a:prstGeom>
          <a:noFill/>
          <a:ln w="19050">
            <a:solidFill>
              <a:srgbClr val="718886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89E36C02-2B09-0FDB-8A1C-08028EA6915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510029" y="0"/>
            <a:ext cx="3669351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9582765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500"/>
                            </p:stCondLst>
                            <p:childTnLst>
                              <p:par>
                                <p:cTn id="1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500"/>
                            </p:stCondLst>
                            <p:childTnLst>
                              <p:par>
                                <p:cTn id="24" presetID="2" presetClass="entr" presetSubtype="4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uiExpand="1" build="p"/>
    </p:bldLst>
  </p:timing>
</p:sld>
</file>

<file path=ppt/theme/theme1.xml><?xml version="1.0" encoding="utf-8"?>
<a:theme xmlns:a="http://schemas.openxmlformats.org/drawingml/2006/main" name="Netcompany">
  <a:themeElements>
    <a:clrScheme name="Netcompany">
      <a:dk1>
        <a:srgbClr val="141E1E"/>
      </a:dk1>
      <a:lt1>
        <a:sysClr val="window" lastClr="FFFFFF"/>
      </a:lt1>
      <a:dk2>
        <a:srgbClr val="000000"/>
      </a:dk2>
      <a:lt2>
        <a:srgbClr val="D0D7D7"/>
      </a:lt2>
      <a:accent1>
        <a:srgbClr val="123836"/>
      </a:accent1>
      <a:accent2>
        <a:srgbClr val="718886"/>
      </a:accent2>
      <a:accent3>
        <a:srgbClr val="73AA87"/>
      </a:accent3>
      <a:accent4>
        <a:srgbClr val="D0D7D7"/>
      </a:accent4>
      <a:accent5>
        <a:srgbClr val="FF6359"/>
      </a:accent5>
      <a:accent6>
        <a:srgbClr val="FFD282"/>
      </a:accent6>
      <a:hlink>
        <a:srgbClr val="FF6359"/>
      </a:hlink>
      <a:folHlink>
        <a:srgbClr val="FFB1AC"/>
      </a:folHlink>
    </a:clrScheme>
    <a:fontScheme name="Custom 3">
      <a:majorFont>
        <a:latin typeface="Netcompany-Offc"/>
        <a:ea typeface="DengXian"/>
        <a:cs typeface=""/>
      </a:majorFont>
      <a:minorFont>
        <a:latin typeface="Netcompany-Offc"/>
        <a:ea typeface="DengXian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2000" noProof="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lnSpc>
            <a:spcPct val="110000"/>
          </a:lnSpc>
          <a:spcAft>
            <a:spcPts val="600"/>
          </a:spcAft>
          <a:defRPr dirty="0" err="1" smtClean="0"/>
        </a:defPPr>
      </a:lstStyle>
    </a:txDef>
  </a:objectDefaults>
  <a:extraClrSchemeLst/>
  <a:custClrLst>
    <a:custClr name="Dark Green">
      <a:srgbClr val="141E1E"/>
    </a:custClr>
    <a:custClr name="Green">
      <a:srgbClr val="123836"/>
    </a:custClr>
    <a:custClr name="Green 90%">
      <a:srgbClr val="2A4C4A"/>
    </a:custClr>
    <a:custClr name="Green 60%">
      <a:srgbClr val="718886"/>
    </a:custClr>
    <a:custClr name="Green 40%">
      <a:srgbClr val="A0AFAF"/>
    </a:custClr>
    <a:custClr name="Green 30%">
      <a:srgbClr val="B8C3C3"/>
    </a:custClr>
    <a:custClr name="Green 20%">
      <a:srgbClr val="D0D7D7"/>
    </a:custClr>
    <a:custClr name="Green 10%">
      <a:srgbClr val="E7EBEB"/>
    </a:custClr>
    <a:custClr name="NoColor">
      <a:srgbClr val="FFFFFF"/>
    </a:custClr>
    <a:custClr name="Blue">
      <a:srgbClr val="0082FF"/>
    </a:custClr>
    <a:custClr name="Coral">
      <a:srgbClr val="FF6359"/>
    </a:custClr>
    <a:custClr name="Coral 75%">
      <a:srgbClr val="FF8A83"/>
    </a:custClr>
    <a:custClr name="Coral 50%">
      <a:srgbClr val="FFB1AC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Blue 50%">
      <a:srgbClr val="6ECCFF"/>
    </a:custClr>
    <a:custClr name="Yellow">
      <a:srgbClr val="FFD282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Purple">
      <a:srgbClr val="A0A0FF"/>
    </a:custClr>
    <a:custClr name="Green">
      <a:srgbClr val="73AA87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Purple 50%">
      <a:srgbClr val="C2C8FF"/>
    </a:custClr>
  </a:custClrLst>
  <a:extLst>
    <a:ext uri="{05A4C25C-085E-4340-85A3-A5531E510DB2}">
      <thm15:themeFamily xmlns:thm15="http://schemas.microsoft.com/office/thememl/2012/main" name="Netcompany Powerpoint Template" id="{466499A1-3F54-49C3-92BC-E16C21CDB533}" vid="{770C8E34-6514-444F-B5BF-E00410FF75A4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Green">
      <a:srgbClr val="141E1E"/>
    </a:custClr>
    <a:custClr name="Green">
      <a:srgbClr val="123836"/>
    </a:custClr>
    <a:custClr name="Green 90%">
      <a:srgbClr val="2A4C4A"/>
    </a:custClr>
    <a:custClr name="Green 60%">
      <a:srgbClr val="718886"/>
    </a:custClr>
    <a:custClr name="Green 40%">
      <a:srgbClr val="A0AFAF"/>
    </a:custClr>
    <a:custClr name="Green 30%">
      <a:srgbClr val="B8C3C3"/>
    </a:custClr>
    <a:custClr name="Green 20%">
      <a:srgbClr val="D0D7D7"/>
    </a:custClr>
    <a:custClr name="Green 10%">
      <a:srgbClr val="E7EBEB"/>
    </a:custClr>
    <a:custClr name="NoColor">
      <a:srgbClr val="FFFFFF"/>
    </a:custClr>
    <a:custClr name="NoColor">
      <a:srgbClr val="FFFFFF"/>
    </a:custClr>
    <a:custClr name="Coral">
      <a:srgbClr val="FF6359"/>
    </a:custClr>
    <a:custClr name="Coral 75%">
      <a:srgbClr val="FF8A83"/>
    </a:custClr>
    <a:custClr name="Coral 50%">
      <a:srgbClr val="FFB1AC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Yellow">
      <a:srgbClr val="FFD282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Green">
      <a:srgbClr val="73AA87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Green">
      <a:srgbClr val="141E1E"/>
    </a:custClr>
    <a:custClr name="Green">
      <a:srgbClr val="123836"/>
    </a:custClr>
    <a:custClr name="Green 90%">
      <a:srgbClr val="2A4C4A"/>
    </a:custClr>
    <a:custClr name="Green 60%">
      <a:srgbClr val="718886"/>
    </a:custClr>
    <a:custClr name="Green 40%">
      <a:srgbClr val="A0AFAF"/>
    </a:custClr>
    <a:custClr name="Green 30%">
      <a:srgbClr val="B8C3C3"/>
    </a:custClr>
    <a:custClr name="Green 20%">
      <a:srgbClr val="D0D7D7"/>
    </a:custClr>
    <a:custClr name="Green 10%">
      <a:srgbClr val="E7EBEB"/>
    </a:custClr>
    <a:custClr name="NoColor">
      <a:srgbClr val="FFFFFF"/>
    </a:custClr>
    <a:custClr name="NoColor">
      <a:srgbClr val="FFFFFF"/>
    </a:custClr>
    <a:custClr name="Coral">
      <a:srgbClr val="FF6359"/>
    </a:custClr>
    <a:custClr name="Coral 75%">
      <a:srgbClr val="FF8A83"/>
    </a:custClr>
    <a:custClr name="Coral 50%">
      <a:srgbClr val="FFB1AC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Yellow">
      <a:srgbClr val="FFD282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Green">
      <a:srgbClr val="73AA87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  <a:custClr name="NoColor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5467C5CA-B12F-466D-8317-DBFF445ABBD8}">
  <we:reference id="wa104380278" version="1.0.0.6" store="en-US" storeType="OMEX"/>
  <we:alternateReferences>
    <we:reference id="wa104380278" version="1.0.0.6" store="WA104380278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0f94ec3-e9d0-4dc7-9a84-97b6b322ffba" xsi:nil="true"/>
    <lcf76f155ced4ddcb4097134ff3c332f xmlns="1f88e692-e867-4d92-ab0a-a3ab2601f354">
      <Terms xmlns="http://schemas.microsoft.com/office/infopath/2007/PartnerControls"/>
    </lcf76f155ced4ddcb4097134ff3c332f>
  </documentManagement>
</p:properties>
</file>

<file path=customXml/item10.xml><?xml version="1.0" encoding="utf-8"?>
<TemplafySlideFormConfiguration><![CDATA[{"formFields":[],"formDataEntries":[]}]]></TemplafySlideFormConfiguration>
</file>

<file path=customXml/item10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1.xml><?xml version="1.0" encoding="utf-8"?>
<TemplafySlideFormConfiguration><![CDATA[{"formFields":[],"formDataEntries":[]}]]></TemplafySlideFormConfiguration>
</file>

<file path=customXml/item102.xml><?xml version="1.0" encoding="utf-8"?>
<TemplafySlideFormConfiguration><![CDATA[{"formFields":[],"formDataEntries":[]}]]></TemplafySlideFormConfiguration>
</file>

<file path=customXml/item10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4.xml><?xml version="1.0" encoding="utf-8"?>
<TemplafySlideFormConfiguration><![CDATA[{"formFields":[],"formDataEntries":[]}]]></TemplafySlideFormConfiguration>
</file>

<file path=customXml/item105.xml><?xml version="1.0" encoding="utf-8"?>
<TemplafySlideFormConfiguration><![CDATA[{"formFields":[],"formDataEntries":[]}]]></TemplafySlideFormConfiguration>
</file>

<file path=customXml/item106.xml><?xml version="1.0" encoding="utf-8"?>
<TemplafySlideFormConfiguration><![CDATA[{"formFields":[],"formDataEntries":[]}]]></TemplafySlideFormConfiguration>
</file>

<file path=customXml/item10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08.xml><?xml version="1.0" encoding="utf-8"?>
<TemplafySlideFormConfiguration><![CDATA[{"formFields":[],"formDataEntries":[]}]]></TemplafySlideFormConfiguration>
</file>

<file path=customXml/item109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29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F990523451A5B42A62F3FEF0EAF9ED3" ma:contentTypeVersion="15" ma:contentTypeDescription="Create a new document." ma:contentTypeScope="" ma:versionID="e267c9baf285ae5e166cf3ecbdd052f0">
  <xsd:schema xmlns:xsd="http://www.w3.org/2001/XMLSchema" xmlns:xs="http://www.w3.org/2001/XMLSchema" xmlns:p="http://schemas.microsoft.com/office/2006/metadata/properties" xmlns:ns2="1f88e692-e867-4d92-ab0a-a3ab2601f354" xmlns:ns3="20f94ec3-e9d0-4dc7-9a84-97b6b322ffba" targetNamespace="http://schemas.microsoft.com/office/2006/metadata/properties" ma:root="true" ma:fieldsID="99202bb9c313033654e3e1f621830458" ns2:_="" ns3:_="">
    <xsd:import namespace="1f88e692-e867-4d92-ab0a-a3ab2601f354"/>
    <xsd:import namespace="20f94ec3-e9d0-4dc7-9a84-97b6b322ffb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88e692-e867-4d92-ab0a-a3ab2601f35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DateTaken" ma:index="1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d6837251-29ea-4b68-89a9-9f41a84048d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f94ec3-e9d0-4dc7-9a84-97b6b322ffba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7" nillable="true" ma:displayName="Taxonomy Catch All Column" ma:hidden="true" ma:list="{98437d8b-4e29-4267-84e3-3e6fd8806f61}" ma:internalName="TaxCatchAll" ma:showField="CatchAllData" ma:web="20f94ec3-e9d0-4dc7-9a84-97b6b322ffb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4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39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4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3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6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4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48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49.xml><?xml version="1.0" encoding="utf-8"?>
<TemplafyTemplateConfiguration><![CDATA[{"elementsMetadata":[],"transformationConfigurations":[],"templateName":"Netcompany Powerpoint Template","templateDescription":"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2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1,"isValidatorEnabled":false,"isLocked":false,"elementsMetadata":[],"slideId":"896880363014979584","enableDocumentContentUpdater":false,"version":"2.0"}]]></TemplafySlideTemplateConfiguration>
</file>

<file path=customXml/item5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3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1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79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TemplateConfiguration><![CDATA[{"slideVersion":1,"isValidatorEnabled":false,"isLocked":false,"elementsMetadata":[],"slideId":"896880363014979585","enableDocumentContentUpdater":false,"version":"2.0"}]]></TemplafySlideTemplate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89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90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1.xml><?xml version="1.0" encoding="utf-8"?>
<TemplafySlideFormConfiguration><![CDATA[{"formFields":[],"formDataEntries":[]}]]></TemplafySlideForm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TemplateConfiguration><![CDATA[{"slideVersion":1,"isValidatorEnabled":false,"isLocked":false,"elementsMetadata":[],"slideId":"896880363014979587","enableDocumentContentUpdater":false,"version":"2.0"}]]></TemplafySlideTemplateConfiguration>
</file>

<file path=customXml/item95.xml><?xml version="1.0" encoding="utf-8"?>
<TemplafySlideFormConfiguration><![CDATA[{"formFields":[],"formDataEntries":[]}]]></TemplafySlideFormConfiguration>
</file>

<file path=customXml/item96.xml><?xml version="1.0" encoding="utf-8"?>
<TemplafySlideTemplateConfiguration><![CDATA[{"slideVersion":1,"isValidatorEnabled":false,"isLocked":false,"elementsMetadata":[],"slideId":"896880363014979586","enableDocumentContentUpdater":false,"version":"2.0"}]]></TemplafySlideTemplateConfiguration>
</file>

<file path=customXml/item97.xml><?xml version="1.0" encoding="utf-8"?>
<TemplafySlideFormConfiguration><![CDATA[{"formFields":[],"formDataEntries":[]}]]></TemplafySlideForm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14CFF4D-CEE2-4ED6-AC8A-41B54DA24CA7}">
  <ds:schemaRefs>
    <ds:schemaRef ds:uri="http://schemas.microsoft.com/office/2006/documentManagement/types"/>
    <ds:schemaRef ds:uri="http://www.w3.org/XML/1998/namespace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20f94ec3-e9d0-4dc7-9a84-97b6b322ffba"/>
    <ds:schemaRef ds:uri="1f88e692-e867-4d92-ab0a-a3ab2601f354"/>
    <ds:schemaRef ds:uri="http://schemas.microsoft.com/office/2006/metadata/properties"/>
    <ds:schemaRef ds:uri="http://purl.org/dc/terms/"/>
  </ds:schemaRefs>
</ds:datastoreItem>
</file>

<file path=customXml/itemProps10.xml><?xml version="1.0" encoding="utf-8"?>
<ds:datastoreItem xmlns:ds="http://schemas.openxmlformats.org/officeDocument/2006/customXml" ds:itemID="{6101EBAB-34D7-439A-8634-60374EB55248}">
  <ds:schemaRefs/>
</ds:datastoreItem>
</file>

<file path=customXml/itemProps100.xml><?xml version="1.0" encoding="utf-8"?>
<ds:datastoreItem xmlns:ds="http://schemas.openxmlformats.org/officeDocument/2006/customXml" ds:itemID="{B6434493-CB9C-43D0-9874-4A678017EC36}">
  <ds:schemaRefs/>
</ds:datastoreItem>
</file>

<file path=customXml/itemProps101.xml><?xml version="1.0" encoding="utf-8"?>
<ds:datastoreItem xmlns:ds="http://schemas.openxmlformats.org/officeDocument/2006/customXml" ds:itemID="{282E4142-DD05-41ED-92A2-E678C98D4D8F}">
  <ds:schemaRefs/>
</ds:datastoreItem>
</file>

<file path=customXml/itemProps102.xml><?xml version="1.0" encoding="utf-8"?>
<ds:datastoreItem xmlns:ds="http://schemas.openxmlformats.org/officeDocument/2006/customXml" ds:itemID="{46DAA50B-3D38-408E-B560-0418B8C7A30F}">
  <ds:schemaRefs/>
</ds:datastoreItem>
</file>

<file path=customXml/itemProps103.xml><?xml version="1.0" encoding="utf-8"?>
<ds:datastoreItem xmlns:ds="http://schemas.openxmlformats.org/officeDocument/2006/customXml" ds:itemID="{95ED3126-12DA-4AE3-B946-FD326E3BB79A}">
  <ds:schemaRefs/>
</ds:datastoreItem>
</file>

<file path=customXml/itemProps104.xml><?xml version="1.0" encoding="utf-8"?>
<ds:datastoreItem xmlns:ds="http://schemas.openxmlformats.org/officeDocument/2006/customXml" ds:itemID="{A4922734-0529-4016-AFA0-4076533244B0}">
  <ds:schemaRefs/>
</ds:datastoreItem>
</file>

<file path=customXml/itemProps105.xml><?xml version="1.0" encoding="utf-8"?>
<ds:datastoreItem xmlns:ds="http://schemas.openxmlformats.org/officeDocument/2006/customXml" ds:itemID="{CA8E9AFB-CC58-41D4-8BCD-BB376FDF9469}">
  <ds:schemaRefs/>
</ds:datastoreItem>
</file>

<file path=customXml/itemProps106.xml><?xml version="1.0" encoding="utf-8"?>
<ds:datastoreItem xmlns:ds="http://schemas.openxmlformats.org/officeDocument/2006/customXml" ds:itemID="{56DDB54D-6FFC-408F-876C-51E6C7DC045A}">
  <ds:schemaRefs/>
</ds:datastoreItem>
</file>

<file path=customXml/itemProps107.xml><?xml version="1.0" encoding="utf-8"?>
<ds:datastoreItem xmlns:ds="http://schemas.openxmlformats.org/officeDocument/2006/customXml" ds:itemID="{CEEE09D6-85E5-4E6C-AB45-32E3D14F46CC}">
  <ds:schemaRefs/>
</ds:datastoreItem>
</file>

<file path=customXml/itemProps108.xml><?xml version="1.0" encoding="utf-8"?>
<ds:datastoreItem xmlns:ds="http://schemas.openxmlformats.org/officeDocument/2006/customXml" ds:itemID="{7B4DFAD1-4136-438C-9203-54EFBD0B8DEE}">
  <ds:schemaRefs/>
</ds:datastoreItem>
</file>

<file path=customXml/itemProps109.xml><?xml version="1.0" encoding="utf-8"?>
<ds:datastoreItem xmlns:ds="http://schemas.openxmlformats.org/officeDocument/2006/customXml" ds:itemID="{EE2FB545-F073-48E9-9C90-1333CE29E041}">
  <ds:schemaRefs/>
</ds:datastoreItem>
</file>

<file path=customXml/itemProps11.xml><?xml version="1.0" encoding="utf-8"?>
<ds:datastoreItem xmlns:ds="http://schemas.openxmlformats.org/officeDocument/2006/customXml" ds:itemID="{9BB2FA20-B271-4A81-8CC1-2577584DB520}">
  <ds:schemaRefs/>
</ds:datastoreItem>
</file>

<file path=customXml/itemProps12.xml><?xml version="1.0" encoding="utf-8"?>
<ds:datastoreItem xmlns:ds="http://schemas.openxmlformats.org/officeDocument/2006/customXml" ds:itemID="{A356CF20-5A5D-4456-9426-D871EE66AEB9}">
  <ds:schemaRefs/>
</ds:datastoreItem>
</file>

<file path=customXml/itemProps13.xml><?xml version="1.0" encoding="utf-8"?>
<ds:datastoreItem xmlns:ds="http://schemas.openxmlformats.org/officeDocument/2006/customXml" ds:itemID="{60AF94A4-1BF2-4F92-9FA0-2C05B64A6F53}">
  <ds:schemaRefs/>
</ds:datastoreItem>
</file>

<file path=customXml/itemProps14.xml><?xml version="1.0" encoding="utf-8"?>
<ds:datastoreItem xmlns:ds="http://schemas.openxmlformats.org/officeDocument/2006/customXml" ds:itemID="{8ADE9297-7E1A-486F-A204-B740AFE6B5B5}">
  <ds:schemaRefs/>
</ds:datastoreItem>
</file>

<file path=customXml/itemProps15.xml><?xml version="1.0" encoding="utf-8"?>
<ds:datastoreItem xmlns:ds="http://schemas.openxmlformats.org/officeDocument/2006/customXml" ds:itemID="{76C43F4F-6B22-4880-95B6-CB71375B760D}">
  <ds:schemaRefs/>
</ds:datastoreItem>
</file>

<file path=customXml/itemProps16.xml><?xml version="1.0" encoding="utf-8"?>
<ds:datastoreItem xmlns:ds="http://schemas.openxmlformats.org/officeDocument/2006/customXml" ds:itemID="{8DAD89AB-81DA-470A-A16A-DC3AA21943BF}">
  <ds:schemaRefs/>
</ds:datastoreItem>
</file>

<file path=customXml/itemProps17.xml><?xml version="1.0" encoding="utf-8"?>
<ds:datastoreItem xmlns:ds="http://schemas.openxmlformats.org/officeDocument/2006/customXml" ds:itemID="{8FC214B8-8D81-4A28-85EF-3FACE8A04774}">
  <ds:schemaRefs/>
</ds:datastoreItem>
</file>

<file path=customXml/itemProps18.xml><?xml version="1.0" encoding="utf-8"?>
<ds:datastoreItem xmlns:ds="http://schemas.openxmlformats.org/officeDocument/2006/customXml" ds:itemID="{5822B79E-F7B2-4BAE-BB4D-65D5E71E425F}">
  <ds:schemaRefs/>
</ds:datastoreItem>
</file>

<file path=customXml/itemProps19.xml><?xml version="1.0" encoding="utf-8"?>
<ds:datastoreItem xmlns:ds="http://schemas.openxmlformats.org/officeDocument/2006/customXml" ds:itemID="{51D03129-D959-41C8-8B15-F32FA3A9A0AF}">
  <ds:schemaRefs/>
</ds:datastoreItem>
</file>

<file path=customXml/itemProps2.xml><?xml version="1.0" encoding="utf-8"?>
<ds:datastoreItem xmlns:ds="http://schemas.openxmlformats.org/officeDocument/2006/customXml" ds:itemID="{BB4AE1FD-C9F4-4650-A67E-65E7835CD8AF}">
  <ds:schemaRefs/>
</ds:datastoreItem>
</file>

<file path=customXml/itemProps20.xml><?xml version="1.0" encoding="utf-8"?>
<ds:datastoreItem xmlns:ds="http://schemas.openxmlformats.org/officeDocument/2006/customXml" ds:itemID="{C715EE8A-1AAF-4E0D-AB12-8F704A1E1FA6}">
  <ds:schemaRefs/>
</ds:datastoreItem>
</file>

<file path=customXml/itemProps21.xml><?xml version="1.0" encoding="utf-8"?>
<ds:datastoreItem xmlns:ds="http://schemas.openxmlformats.org/officeDocument/2006/customXml" ds:itemID="{F050BA04-54DF-452E-A0DA-BCD3D806C112}">
  <ds:schemaRefs/>
</ds:datastoreItem>
</file>

<file path=customXml/itemProps22.xml><?xml version="1.0" encoding="utf-8"?>
<ds:datastoreItem xmlns:ds="http://schemas.openxmlformats.org/officeDocument/2006/customXml" ds:itemID="{4FAF3790-EAFC-4750-93C3-F361719CC14B}">
  <ds:schemaRefs/>
</ds:datastoreItem>
</file>

<file path=customXml/itemProps23.xml><?xml version="1.0" encoding="utf-8"?>
<ds:datastoreItem xmlns:ds="http://schemas.openxmlformats.org/officeDocument/2006/customXml" ds:itemID="{00C5C385-7778-4439-9607-84628A51B3BF}">
  <ds:schemaRefs/>
</ds:datastoreItem>
</file>

<file path=customXml/itemProps24.xml><?xml version="1.0" encoding="utf-8"?>
<ds:datastoreItem xmlns:ds="http://schemas.openxmlformats.org/officeDocument/2006/customXml" ds:itemID="{923257D0-4F7A-463E-8A01-0C82CED6CA8E}">
  <ds:schemaRefs/>
</ds:datastoreItem>
</file>

<file path=customXml/itemProps25.xml><?xml version="1.0" encoding="utf-8"?>
<ds:datastoreItem xmlns:ds="http://schemas.openxmlformats.org/officeDocument/2006/customXml" ds:itemID="{C714C267-8B7B-49FC-875E-C3692EAC7999}">
  <ds:schemaRefs/>
</ds:datastoreItem>
</file>

<file path=customXml/itemProps26.xml><?xml version="1.0" encoding="utf-8"?>
<ds:datastoreItem xmlns:ds="http://schemas.openxmlformats.org/officeDocument/2006/customXml" ds:itemID="{6341F271-2E09-4B50-BE30-4D3F230E7179}">
  <ds:schemaRefs/>
</ds:datastoreItem>
</file>

<file path=customXml/itemProps27.xml><?xml version="1.0" encoding="utf-8"?>
<ds:datastoreItem xmlns:ds="http://schemas.openxmlformats.org/officeDocument/2006/customXml" ds:itemID="{3ABE120C-1939-43C6-A909-73BFE21F83FF}">
  <ds:schemaRefs/>
</ds:datastoreItem>
</file>

<file path=customXml/itemProps28.xml><?xml version="1.0" encoding="utf-8"?>
<ds:datastoreItem xmlns:ds="http://schemas.openxmlformats.org/officeDocument/2006/customXml" ds:itemID="{1D258BBE-EBA2-40FD-A60E-297457346D24}">
  <ds:schemaRefs/>
</ds:datastoreItem>
</file>

<file path=customXml/itemProps29.xml><?xml version="1.0" encoding="utf-8"?>
<ds:datastoreItem xmlns:ds="http://schemas.openxmlformats.org/officeDocument/2006/customXml" ds:itemID="{BCBBE012-9897-4302-846E-08346C3B7BE3}">
  <ds:schemaRefs/>
</ds:datastoreItem>
</file>

<file path=customXml/itemProps3.xml><?xml version="1.0" encoding="utf-8"?>
<ds:datastoreItem xmlns:ds="http://schemas.openxmlformats.org/officeDocument/2006/customXml" ds:itemID="{42EF3AAE-8010-4888-A8FB-006D6AC3E233}">
  <ds:schemaRefs/>
</ds:datastoreItem>
</file>

<file path=customXml/itemProps30.xml><?xml version="1.0" encoding="utf-8"?>
<ds:datastoreItem xmlns:ds="http://schemas.openxmlformats.org/officeDocument/2006/customXml" ds:itemID="{E7DB7416-FA66-43E3-B844-9F656F8E76EB}">
  <ds:schemaRefs/>
</ds:datastoreItem>
</file>

<file path=customXml/itemProps31.xml><?xml version="1.0" encoding="utf-8"?>
<ds:datastoreItem xmlns:ds="http://schemas.openxmlformats.org/officeDocument/2006/customXml" ds:itemID="{5E73CD95-0C47-493F-889C-12B3E6A53056}">
  <ds:schemaRefs/>
</ds:datastoreItem>
</file>

<file path=customXml/itemProps32.xml><?xml version="1.0" encoding="utf-8"?>
<ds:datastoreItem xmlns:ds="http://schemas.openxmlformats.org/officeDocument/2006/customXml" ds:itemID="{E52404A4-50AB-47B3-BEEC-A8E931100FEB}">
  <ds:schemaRefs/>
</ds:datastoreItem>
</file>

<file path=customXml/itemProps33.xml><?xml version="1.0" encoding="utf-8"?>
<ds:datastoreItem xmlns:ds="http://schemas.openxmlformats.org/officeDocument/2006/customXml" ds:itemID="{8BFB36A7-85A6-44F8-9741-88038F71773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f88e692-e867-4d92-ab0a-a3ab2601f354"/>
    <ds:schemaRef ds:uri="20f94ec3-e9d0-4dc7-9a84-97b6b322ffb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4.xml><?xml version="1.0" encoding="utf-8"?>
<ds:datastoreItem xmlns:ds="http://schemas.openxmlformats.org/officeDocument/2006/customXml" ds:itemID="{9494D93A-A12A-4570-95AF-934FE400135B}">
  <ds:schemaRefs/>
</ds:datastoreItem>
</file>

<file path=customXml/itemProps35.xml><?xml version="1.0" encoding="utf-8"?>
<ds:datastoreItem xmlns:ds="http://schemas.openxmlformats.org/officeDocument/2006/customXml" ds:itemID="{64D305EF-438F-4BA9-BD12-E5D256FF58FC}">
  <ds:schemaRefs/>
</ds:datastoreItem>
</file>

<file path=customXml/itemProps36.xml><?xml version="1.0" encoding="utf-8"?>
<ds:datastoreItem xmlns:ds="http://schemas.openxmlformats.org/officeDocument/2006/customXml" ds:itemID="{A437611F-3B9E-4810-A82D-C5F23FC613BF}">
  <ds:schemaRefs/>
</ds:datastoreItem>
</file>

<file path=customXml/itemProps37.xml><?xml version="1.0" encoding="utf-8"?>
<ds:datastoreItem xmlns:ds="http://schemas.openxmlformats.org/officeDocument/2006/customXml" ds:itemID="{3063D82C-DC77-454D-8477-D313780567A9}">
  <ds:schemaRefs/>
</ds:datastoreItem>
</file>

<file path=customXml/itemProps38.xml><?xml version="1.0" encoding="utf-8"?>
<ds:datastoreItem xmlns:ds="http://schemas.openxmlformats.org/officeDocument/2006/customXml" ds:itemID="{45259208-E57C-4475-8DB0-03DA4157B3B5}">
  <ds:schemaRefs/>
</ds:datastoreItem>
</file>

<file path=customXml/itemProps39.xml><?xml version="1.0" encoding="utf-8"?>
<ds:datastoreItem xmlns:ds="http://schemas.openxmlformats.org/officeDocument/2006/customXml" ds:itemID="{6D17987F-44FF-42C2-8D51-2D0D6B5CDAF0}">
  <ds:schemaRefs/>
</ds:datastoreItem>
</file>

<file path=customXml/itemProps4.xml><?xml version="1.0" encoding="utf-8"?>
<ds:datastoreItem xmlns:ds="http://schemas.openxmlformats.org/officeDocument/2006/customXml" ds:itemID="{DF307ED3-2249-4B9C-884D-A927910AE065}">
  <ds:schemaRefs/>
</ds:datastoreItem>
</file>

<file path=customXml/itemProps40.xml><?xml version="1.0" encoding="utf-8"?>
<ds:datastoreItem xmlns:ds="http://schemas.openxmlformats.org/officeDocument/2006/customXml" ds:itemID="{0F8203DA-B497-441D-878A-230D20592ADA}">
  <ds:schemaRefs/>
</ds:datastoreItem>
</file>

<file path=customXml/itemProps41.xml><?xml version="1.0" encoding="utf-8"?>
<ds:datastoreItem xmlns:ds="http://schemas.openxmlformats.org/officeDocument/2006/customXml" ds:itemID="{1B816D3B-6F5D-4D63-8E3A-673004268F62}">
  <ds:schemaRefs/>
</ds:datastoreItem>
</file>

<file path=customXml/itemProps42.xml><?xml version="1.0" encoding="utf-8"?>
<ds:datastoreItem xmlns:ds="http://schemas.openxmlformats.org/officeDocument/2006/customXml" ds:itemID="{3DCEB885-8C2C-41F8-BAD9-5B69E1149BD9}">
  <ds:schemaRefs/>
</ds:datastoreItem>
</file>

<file path=customXml/itemProps43.xml><?xml version="1.0" encoding="utf-8"?>
<ds:datastoreItem xmlns:ds="http://schemas.openxmlformats.org/officeDocument/2006/customXml" ds:itemID="{9CAE2CC0-EE1F-4890-92FA-BE98A1E8AF98}">
  <ds:schemaRefs/>
</ds:datastoreItem>
</file>

<file path=customXml/itemProps44.xml><?xml version="1.0" encoding="utf-8"?>
<ds:datastoreItem xmlns:ds="http://schemas.openxmlformats.org/officeDocument/2006/customXml" ds:itemID="{6F3161C0-A334-45B0-8A18-314B89868AEE}">
  <ds:schemaRefs/>
</ds:datastoreItem>
</file>

<file path=customXml/itemProps45.xml><?xml version="1.0" encoding="utf-8"?>
<ds:datastoreItem xmlns:ds="http://schemas.openxmlformats.org/officeDocument/2006/customXml" ds:itemID="{CC1A37D4-BCA7-4615-9AEB-B6DB8BA0E669}">
  <ds:schemaRefs/>
</ds:datastoreItem>
</file>

<file path=customXml/itemProps46.xml><?xml version="1.0" encoding="utf-8"?>
<ds:datastoreItem xmlns:ds="http://schemas.openxmlformats.org/officeDocument/2006/customXml" ds:itemID="{94F9ABA6-92E3-4A79-821C-3792E0508C1E}">
  <ds:schemaRefs/>
</ds:datastoreItem>
</file>

<file path=customXml/itemProps47.xml><?xml version="1.0" encoding="utf-8"?>
<ds:datastoreItem xmlns:ds="http://schemas.openxmlformats.org/officeDocument/2006/customXml" ds:itemID="{7E1AAA7A-4582-4EE0-AE26-3D110362AA2A}">
  <ds:schemaRefs/>
</ds:datastoreItem>
</file>

<file path=customXml/itemProps48.xml><?xml version="1.0" encoding="utf-8"?>
<ds:datastoreItem xmlns:ds="http://schemas.openxmlformats.org/officeDocument/2006/customXml" ds:itemID="{1ADFE48A-2456-448D-8B98-177A15629974}">
  <ds:schemaRefs/>
</ds:datastoreItem>
</file>

<file path=customXml/itemProps49.xml><?xml version="1.0" encoding="utf-8"?>
<ds:datastoreItem xmlns:ds="http://schemas.openxmlformats.org/officeDocument/2006/customXml" ds:itemID="{868059ED-AF61-4C7E-BF3B-7E3DC27FF399}">
  <ds:schemaRefs/>
</ds:datastoreItem>
</file>

<file path=customXml/itemProps5.xml><?xml version="1.0" encoding="utf-8"?>
<ds:datastoreItem xmlns:ds="http://schemas.openxmlformats.org/officeDocument/2006/customXml" ds:itemID="{9D91F331-FCB9-4621-A670-D1CB6EC434F7}">
  <ds:schemaRefs/>
</ds:datastoreItem>
</file>

<file path=customXml/itemProps50.xml><?xml version="1.0" encoding="utf-8"?>
<ds:datastoreItem xmlns:ds="http://schemas.openxmlformats.org/officeDocument/2006/customXml" ds:itemID="{615C7226-F1CB-4431-879D-4915B466F6FF}">
  <ds:schemaRefs/>
</ds:datastoreItem>
</file>

<file path=customXml/itemProps51.xml><?xml version="1.0" encoding="utf-8"?>
<ds:datastoreItem xmlns:ds="http://schemas.openxmlformats.org/officeDocument/2006/customXml" ds:itemID="{3104BD66-87DB-4466-A482-58986AADE85D}">
  <ds:schemaRefs/>
</ds:datastoreItem>
</file>

<file path=customXml/itemProps52.xml><?xml version="1.0" encoding="utf-8"?>
<ds:datastoreItem xmlns:ds="http://schemas.openxmlformats.org/officeDocument/2006/customXml" ds:itemID="{98866C94-9E45-4346-A95E-49D6A2A5A595}">
  <ds:schemaRefs/>
</ds:datastoreItem>
</file>

<file path=customXml/itemProps53.xml><?xml version="1.0" encoding="utf-8"?>
<ds:datastoreItem xmlns:ds="http://schemas.openxmlformats.org/officeDocument/2006/customXml" ds:itemID="{76854050-5948-41C2-AABB-1BA7760521F9}">
  <ds:schemaRefs/>
</ds:datastoreItem>
</file>

<file path=customXml/itemProps54.xml><?xml version="1.0" encoding="utf-8"?>
<ds:datastoreItem xmlns:ds="http://schemas.openxmlformats.org/officeDocument/2006/customXml" ds:itemID="{089129AE-904F-4575-8561-603CB46EEB0D}">
  <ds:schemaRefs/>
</ds:datastoreItem>
</file>

<file path=customXml/itemProps55.xml><?xml version="1.0" encoding="utf-8"?>
<ds:datastoreItem xmlns:ds="http://schemas.openxmlformats.org/officeDocument/2006/customXml" ds:itemID="{02681B5C-7488-4DF7-83E4-364FC0DD543C}">
  <ds:schemaRefs/>
</ds:datastoreItem>
</file>

<file path=customXml/itemProps56.xml><?xml version="1.0" encoding="utf-8"?>
<ds:datastoreItem xmlns:ds="http://schemas.openxmlformats.org/officeDocument/2006/customXml" ds:itemID="{BE381710-3562-430F-A109-142194953A9E}">
  <ds:schemaRefs/>
</ds:datastoreItem>
</file>

<file path=customXml/itemProps57.xml><?xml version="1.0" encoding="utf-8"?>
<ds:datastoreItem xmlns:ds="http://schemas.openxmlformats.org/officeDocument/2006/customXml" ds:itemID="{0C3CB46F-546E-4676-BB9A-1D434AB8534C}">
  <ds:schemaRefs/>
</ds:datastoreItem>
</file>

<file path=customXml/itemProps58.xml><?xml version="1.0" encoding="utf-8"?>
<ds:datastoreItem xmlns:ds="http://schemas.openxmlformats.org/officeDocument/2006/customXml" ds:itemID="{2C284416-1E57-435C-AFB1-A589A77E0CDC}">
  <ds:schemaRefs/>
</ds:datastoreItem>
</file>

<file path=customXml/itemProps59.xml><?xml version="1.0" encoding="utf-8"?>
<ds:datastoreItem xmlns:ds="http://schemas.openxmlformats.org/officeDocument/2006/customXml" ds:itemID="{CC11D3D9-FB3C-44AA-8355-FA1AEF57F1CF}">
  <ds:schemaRefs/>
</ds:datastoreItem>
</file>

<file path=customXml/itemProps6.xml><?xml version="1.0" encoding="utf-8"?>
<ds:datastoreItem xmlns:ds="http://schemas.openxmlformats.org/officeDocument/2006/customXml" ds:itemID="{487F8D79-EA86-4370-AAD2-042794F2E0C0}">
  <ds:schemaRefs/>
</ds:datastoreItem>
</file>

<file path=customXml/itemProps60.xml><?xml version="1.0" encoding="utf-8"?>
<ds:datastoreItem xmlns:ds="http://schemas.openxmlformats.org/officeDocument/2006/customXml" ds:itemID="{BCADEADC-F726-4D8D-A61E-BCB3F7130EC9}">
  <ds:schemaRefs/>
</ds:datastoreItem>
</file>

<file path=customXml/itemProps61.xml><?xml version="1.0" encoding="utf-8"?>
<ds:datastoreItem xmlns:ds="http://schemas.openxmlformats.org/officeDocument/2006/customXml" ds:itemID="{CA09A247-3785-4826-838E-7F40F1DF8543}">
  <ds:schemaRefs/>
</ds:datastoreItem>
</file>

<file path=customXml/itemProps62.xml><?xml version="1.0" encoding="utf-8"?>
<ds:datastoreItem xmlns:ds="http://schemas.openxmlformats.org/officeDocument/2006/customXml" ds:itemID="{9266AD56-CE8F-48F1-BAC9-749EC3402AD0}">
  <ds:schemaRefs>
    <ds:schemaRef ds:uri="http://schemas.microsoft.com/sharepoint/v3/contenttype/forms"/>
  </ds:schemaRefs>
</ds:datastoreItem>
</file>

<file path=customXml/itemProps63.xml><?xml version="1.0" encoding="utf-8"?>
<ds:datastoreItem xmlns:ds="http://schemas.openxmlformats.org/officeDocument/2006/customXml" ds:itemID="{3B4E9431-7F2A-409D-BCF8-90B669CB055F}">
  <ds:schemaRefs/>
</ds:datastoreItem>
</file>

<file path=customXml/itemProps64.xml><?xml version="1.0" encoding="utf-8"?>
<ds:datastoreItem xmlns:ds="http://schemas.openxmlformats.org/officeDocument/2006/customXml" ds:itemID="{A040D670-E3C9-478A-AF79-105D182BAB81}">
  <ds:schemaRefs/>
</ds:datastoreItem>
</file>

<file path=customXml/itemProps65.xml><?xml version="1.0" encoding="utf-8"?>
<ds:datastoreItem xmlns:ds="http://schemas.openxmlformats.org/officeDocument/2006/customXml" ds:itemID="{3DD78B7C-1055-4BBA-9E6E-C713C73F4FDF}">
  <ds:schemaRefs/>
</ds:datastoreItem>
</file>

<file path=customXml/itemProps66.xml><?xml version="1.0" encoding="utf-8"?>
<ds:datastoreItem xmlns:ds="http://schemas.openxmlformats.org/officeDocument/2006/customXml" ds:itemID="{9C41258B-8590-44AF-A031-760088CC4843}">
  <ds:schemaRefs/>
</ds:datastoreItem>
</file>

<file path=customXml/itemProps67.xml><?xml version="1.0" encoding="utf-8"?>
<ds:datastoreItem xmlns:ds="http://schemas.openxmlformats.org/officeDocument/2006/customXml" ds:itemID="{DEB90AA9-C972-4F1A-9FA6-58DFB866E533}">
  <ds:schemaRefs/>
</ds:datastoreItem>
</file>

<file path=customXml/itemProps68.xml><?xml version="1.0" encoding="utf-8"?>
<ds:datastoreItem xmlns:ds="http://schemas.openxmlformats.org/officeDocument/2006/customXml" ds:itemID="{AFC99524-8D91-4629-9AC0-C9E864B5C468}">
  <ds:schemaRefs/>
</ds:datastoreItem>
</file>

<file path=customXml/itemProps69.xml><?xml version="1.0" encoding="utf-8"?>
<ds:datastoreItem xmlns:ds="http://schemas.openxmlformats.org/officeDocument/2006/customXml" ds:itemID="{DE137BE1-BC1D-4B23-B547-BC800CA75273}">
  <ds:schemaRefs/>
</ds:datastoreItem>
</file>

<file path=customXml/itemProps7.xml><?xml version="1.0" encoding="utf-8"?>
<ds:datastoreItem xmlns:ds="http://schemas.openxmlformats.org/officeDocument/2006/customXml" ds:itemID="{DF87C1FE-BEC2-46FB-9AE8-3FE009691D51}">
  <ds:schemaRefs/>
</ds:datastoreItem>
</file>

<file path=customXml/itemProps70.xml><?xml version="1.0" encoding="utf-8"?>
<ds:datastoreItem xmlns:ds="http://schemas.openxmlformats.org/officeDocument/2006/customXml" ds:itemID="{F64566E2-67F5-4308-94F1-A40EE55D597A}">
  <ds:schemaRefs/>
</ds:datastoreItem>
</file>

<file path=customXml/itemProps71.xml><?xml version="1.0" encoding="utf-8"?>
<ds:datastoreItem xmlns:ds="http://schemas.openxmlformats.org/officeDocument/2006/customXml" ds:itemID="{3FA3C7B7-8682-4D61-8ED5-5ADD5582CC6D}">
  <ds:schemaRefs/>
</ds:datastoreItem>
</file>

<file path=customXml/itemProps72.xml><?xml version="1.0" encoding="utf-8"?>
<ds:datastoreItem xmlns:ds="http://schemas.openxmlformats.org/officeDocument/2006/customXml" ds:itemID="{2C10236C-3B93-402E-B6B1-857DEB497767}">
  <ds:schemaRefs/>
</ds:datastoreItem>
</file>

<file path=customXml/itemProps73.xml><?xml version="1.0" encoding="utf-8"?>
<ds:datastoreItem xmlns:ds="http://schemas.openxmlformats.org/officeDocument/2006/customXml" ds:itemID="{93A13FEC-436B-46C2-99EF-93FA64CA3B65}">
  <ds:schemaRefs/>
</ds:datastoreItem>
</file>

<file path=customXml/itemProps74.xml><?xml version="1.0" encoding="utf-8"?>
<ds:datastoreItem xmlns:ds="http://schemas.openxmlformats.org/officeDocument/2006/customXml" ds:itemID="{E992D83C-21D1-4249-8C04-997570B132C7}">
  <ds:schemaRefs/>
</ds:datastoreItem>
</file>

<file path=customXml/itemProps75.xml><?xml version="1.0" encoding="utf-8"?>
<ds:datastoreItem xmlns:ds="http://schemas.openxmlformats.org/officeDocument/2006/customXml" ds:itemID="{B99E88FE-9927-4279-8121-2EDFB14A4611}">
  <ds:schemaRefs/>
</ds:datastoreItem>
</file>

<file path=customXml/itemProps76.xml><?xml version="1.0" encoding="utf-8"?>
<ds:datastoreItem xmlns:ds="http://schemas.openxmlformats.org/officeDocument/2006/customXml" ds:itemID="{B2FF03B8-E6FB-4FBC-A2F0-C32B4A4447AE}">
  <ds:schemaRefs/>
</ds:datastoreItem>
</file>

<file path=customXml/itemProps77.xml><?xml version="1.0" encoding="utf-8"?>
<ds:datastoreItem xmlns:ds="http://schemas.openxmlformats.org/officeDocument/2006/customXml" ds:itemID="{3F40F56A-ED76-4A4D-A9AD-C4B5AC54F485}">
  <ds:schemaRefs/>
</ds:datastoreItem>
</file>

<file path=customXml/itemProps78.xml><?xml version="1.0" encoding="utf-8"?>
<ds:datastoreItem xmlns:ds="http://schemas.openxmlformats.org/officeDocument/2006/customXml" ds:itemID="{53DAC62B-3E1F-4278-905C-D6D6DD7D340D}">
  <ds:schemaRefs/>
</ds:datastoreItem>
</file>

<file path=customXml/itemProps79.xml><?xml version="1.0" encoding="utf-8"?>
<ds:datastoreItem xmlns:ds="http://schemas.openxmlformats.org/officeDocument/2006/customXml" ds:itemID="{A28612F6-1691-4BFA-8AD8-D343F99B1E79}">
  <ds:schemaRefs/>
</ds:datastoreItem>
</file>

<file path=customXml/itemProps8.xml><?xml version="1.0" encoding="utf-8"?>
<ds:datastoreItem xmlns:ds="http://schemas.openxmlformats.org/officeDocument/2006/customXml" ds:itemID="{D6BA80EE-944C-404D-8C32-26C4383CA518}">
  <ds:schemaRefs/>
</ds:datastoreItem>
</file>

<file path=customXml/itemProps80.xml><?xml version="1.0" encoding="utf-8"?>
<ds:datastoreItem xmlns:ds="http://schemas.openxmlformats.org/officeDocument/2006/customXml" ds:itemID="{DF0A8BC5-F2DF-4B57-A114-4758BE8CEB9B}">
  <ds:schemaRefs/>
</ds:datastoreItem>
</file>

<file path=customXml/itemProps81.xml><?xml version="1.0" encoding="utf-8"?>
<ds:datastoreItem xmlns:ds="http://schemas.openxmlformats.org/officeDocument/2006/customXml" ds:itemID="{5632CD57-C589-4811-9BE0-D08CDFB0AC45}">
  <ds:schemaRefs/>
</ds:datastoreItem>
</file>

<file path=customXml/itemProps82.xml><?xml version="1.0" encoding="utf-8"?>
<ds:datastoreItem xmlns:ds="http://schemas.openxmlformats.org/officeDocument/2006/customXml" ds:itemID="{4B94C7E9-2940-4F92-A6E8-691B1FE5DE27}">
  <ds:schemaRefs/>
</ds:datastoreItem>
</file>

<file path=customXml/itemProps83.xml><?xml version="1.0" encoding="utf-8"?>
<ds:datastoreItem xmlns:ds="http://schemas.openxmlformats.org/officeDocument/2006/customXml" ds:itemID="{1968A076-C6A8-47B3-B104-E00839B8F2B4}">
  <ds:schemaRefs/>
</ds:datastoreItem>
</file>

<file path=customXml/itemProps84.xml><?xml version="1.0" encoding="utf-8"?>
<ds:datastoreItem xmlns:ds="http://schemas.openxmlformats.org/officeDocument/2006/customXml" ds:itemID="{343A2E30-49B2-4B78-BE6C-51D924F0D1DE}">
  <ds:schemaRefs/>
</ds:datastoreItem>
</file>

<file path=customXml/itemProps85.xml><?xml version="1.0" encoding="utf-8"?>
<ds:datastoreItem xmlns:ds="http://schemas.openxmlformats.org/officeDocument/2006/customXml" ds:itemID="{C9A44B90-F85E-48BD-8CF9-3233DD4C6F42}">
  <ds:schemaRefs/>
</ds:datastoreItem>
</file>

<file path=customXml/itemProps86.xml><?xml version="1.0" encoding="utf-8"?>
<ds:datastoreItem xmlns:ds="http://schemas.openxmlformats.org/officeDocument/2006/customXml" ds:itemID="{32832CAC-52F0-43E9-AFA9-CEFD8A762134}">
  <ds:schemaRefs/>
</ds:datastoreItem>
</file>

<file path=customXml/itemProps87.xml><?xml version="1.0" encoding="utf-8"?>
<ds:datastoreItem xmlns:ds="http://schemas.openxmlformats.org/officeDocument/2006/customXml" ds:itemID="{3EB2477C-7BFC-4660-AE1D-27F361156132}">
  <ds:schemaRefs/>
</ds:datastoreItem>
</file>

<file path=customXml/itemProps88.xml><?xml version="1.0" encoding="utf-8"?>
<ds:datastoreItem xmlns:ds="http://schemas.openxmlformats.org/officeDocument/2006/customXml" ds:itemID="{48E346DC-B379-4FC1-8B14-7769EEA56968}">
  <ds:schemaRefs/>
</ds:datastoreItem>
</file>

<file path=customXml/itemProps89.xml><?xml version="1.0" encoding="utf-8"?>
<ds:datastoreItem xmlns:ds="http://schemas.openxmlformats.org/officeDocument/2006/customXml" ds:itemID="{EE58E71A-DED5-42F0-BA7E-3103BD5F2DA7}">
  <ds:schemaRefs/>
</ds:datastoreItem>
</file>

<file path=customXml/itemProps9.xml><?xml version="1.0" encoding="utf-8"?>
<ds:datastoreItem xmlns:ds="http://schemas.openxmlformats.org/officeDocument/2006/customXml" ds:itemID="{BE77CF0D-D39F-4A82-A510-6049C9313FDB}">
  <ds:schemaRefs/>
</ds:datastoreItem>
</file>

<file path=customXml/itemProps90.xml><?xml version="1.0" encoding="utf-8"?>
<ds:datastoreItem xmlns:ds="http://schemas.openxmlformats.org/officeDocument/2006/customXml" ds:itemID="{EE223208-F538-476D-9742-96AFFF4756E6}">
  <ds:schemaRefs/>
</ds:datastoreItem>
</file>

<file path=customXml/itemProps91.xml><?xml version="1.0" encoding="utf-8"?>
<ds:datastoreItem xmlns:ds="http://schemas.openxmlformats.org/officeDocument/2006/customXml" ds:itemID="{36DCE34C-21FF-458E-84CF-71E3129CE1EF}">
  <ds:schemaRefs/>
</ds:datastoreItem>
</file>

<file path=customXml/itemProps92.xml><?xml version="1.0" encoding="utf-8"?>
<ds:datastoreItem xmlns:ds="http://schemas.openxmlformats.org/officeDocument/2006/customXml" ds:itemID="{F9C5689D-9CC6-4B12-B1F5-C5C661B253BC}">
  <ds:schemaRefs/>
</ds:datastoreItem>
</file>

<file path=customXml/itemProps93.xml><?xml version="1.0" encoding="utf-8"?>
<ds:datastoreItem xmlns:ds="http://schemas.openxmlformats.org/officeDocument/2006/customXml" ds:itemID="{44F78F6D-428B-45DC-BD0D-7EE89809206D}">
  <ds:schemaRefs/>
</ds:datastoreItem>
</file>

<file path=customXml/itemProps94.xml><?xml version="1.0" encoding="utf-8"?>
<ds:datastoreItem xmlns:ds="http://schemas.openxmlformats.org/officeDocument/2006/customXml" ds:itemID="{904F0CE3-1B4B-4CD6-90F5-5D5E92126EAB}">
  <ds:schemaRefs/>
</ds:datastoreItem>
</file>

<file path=customXml/itemProps95.xml><?xml version="1.0" encoding="utf-8"?>
<ds:datastoreItem xmlns:ds="http://schemas.openxmlformats.org/officeDocument/2006/customXml" ds:itemID="{1D282B04-BEE2-4573-91A1-BC45CE962BAB}">
  <ds:schemaRefs/>
</ds:datastoreItem>
</file>

<file path=customXml/itemProps96.xml><?xml version="1.0" encoding="utf-8"?>
<ds:datastoreItem xmlns:ds="http://schemas.openxmlformats.org/officeDocument/2006/customXml" ds:itemID="{2879BF6F-2EFE-4593-8040-16F1AAADF34C}">
  <ds:schemaRefs/>
</ds:datastoreItem>
</file>

<file path=customXml/itemProps97.xml><?xml version="1.0" encoding="utf-8"?>
<ds:datastoreItem xmlns:ds="http://schemas.openxmlformats.org/officeDocument/2006/customXml" ds:itemID="{1082F4CA-DB02-414D-AF29-05D554BE1882}">
  <ds:schemaRefs/>
</ds:datastoreItem>
</file>

<file path=customXml/itemProps98.xml><?xml version="1.0" encoding="utf-8"?>
<ds:datastoreItem xmlns:ds="http://schemas.openxmlformats.org/officeDocument/2006/customXml" ds:itemID="{9018EF54-B4EC-4FD0-828F-4987434B5999}">
  <ds:schemaRefs/>
</ds:datastoreItem>
</file>

<file path=customXml/itemProps99.xml><?xml version="1.0" encoding="utf-8"?>
<ds:datastoreItem xmlns:ds="http://schemas.openxmlformats.org/officeDocument/2006/customXml" ds:itemID="{23AAF0AA-ABCA-4E5F-86EA-6E07F29C5A8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etcompany Powerpoint Template</Template>
  <TotalTime>10224</TotalTime>
  <Words>2693</Words>
  <Application>Microsoft Office PowerPoint</Application>
  <PresentationFormat>Widescreen</PresentationFormat>
  <Paragraphs>481</Paragraphs>
  <Slides>37</Slides>
  <Notes>37</Notes>
  <HiddenSlides>0</HiddenSlides>
  <MMClips>1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7</vt:i4>
      </vt:variant>
    </vt:vector>
  </HeadingPairs>
  <TitlesOfParts>
    <vt:vector size="42" baseType="lpstr">
      <vt:lpstr>Netcompany-Offc</vt:lpstr>
      <vt:lpstr>Arial</vt:lpstr>
      <vt:lpstr>Wingdings</vt:lpstr>
      <vt:lpstr>Tahoma</vt:lpstr>
      <vt:lpstr>Netcompany</vt:lpstr>
      <vt:lpstr>JavaFX in Action</vt:lpstr>
      <vt:lpstr>PowerPoint Presentation</vt:lpstr>
      <vt:lpstr>Paweł Gawędzki</vt:lpstr>
      <vt:lpstr>PowerPoint Presentation</vt:lpstr>
      <vt:lpstr>What is JavaFX?</vt:lpstr>
      <vt:lpstr>PowerPoint Presentation</vt:lpstr>
      <vt:lpstr>Architecture</vt:lpstr>
      <vt:lpstr>Window – Stage – Scene</vt:lpstr>
      <vt:lpstr>UI Controls</vt:lpstr>
      <vt:lpstr>PowerPoint Presentation</vt:lpstr>
      <vt:lpstr>FXML</vt:lpstr>
      <vt:lpstr>Scene Builder</vt:lpstr>
      <vt:lpstr>PowerPoint Presentation</vt:lpstr>
      <vt:lpstr>Events</vt:lpstr>
      <vt:lpstr>Events</vt:lpstr>
      <vt:lpstr>Properties</vt:lpstr>
      <vt:lpstr>Listeners</vt:lpstr>
      <vt:lpstr>Properties - Listeners</vt:lpstr>
      <vt:lpstr>PowerPoint Presentation</vt:lpstr>
      <vt:lpstr>Property binding</vt:lpstr>
      <vt:lpstr>PowerPoint Presentation</vt:lpstr>
      <vt:lpstr>Background processing</vt:lpstr>
      <vt:lpstr>Background processing – Task class</vt:lpstr>
      <vt:lpstr>Background processing – Service class</vt:lpstr>
      <vt:lpstr>Background processing – example</vt:lpstr>
      <vt:lpstr>PowerPoint Presentation</vt:lpstr>
      <vt:lpstr>CSS – Transformation - Animation</vt:lpstr>
      <vt:lpstr>CSS</vt:lpstr>
      <vt:lpstr>Transformation</vt:lpstr>
      <vt:lpstr>Animation</vt:lpstr>
      <vt:lpstr>PowerPoint Presentation</vt:lpstr>
      <vt:lpstr>Frameworks</vt:lpstr>
      <vt:lpstr>PowerPoint Presentation</vt:lpstr>
      <vt:lpstr>The most common mistakes according to AI</vt:lpstr>
      <vt:lpstr>Where to start?</vt:lpstr>
      <vt:lpstr>Bonus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Uffe Birkedal</dc:creator>
  <cp:lastModifiedBy>Paweł Gawędzki</cp:lastModifiedBy>
  <cp:revision>25</cp:revision>
  <dcterms:created xsi:type="dcterms:W3CDTF">2024-04-25T07:56:42Z</dcterms:created>
  <dcterms:modified xsi:type="dcterms:W3CDTF">2025-05-27T09:31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omnidocs.com</vt:lpwstr>
  </property>
  <property fmtid="{D5CDD505-2E9C-101B-9397-08002B2CF9AE}" pid="3" name="ContentTypeId">
    <vt:lpwstr>0x0101006F990523451A5B42A62F3FEF0EAF9ED3</vt:lpwstr>
  </property>
  <property fmtid="{D5CDD505-2E9C-101B-9397-08002B2CF9AE}" pid="4" name="MediaServiceImageTags">
    <vt:lpwstr/>
  </property>
  <property fmtid="{D5CDD505-2E9C-101B-9397-08002B2CF9AE}" pid="5" name="TemplafyTimeStamp">
    <vt:lpwstr>2024-04-23T10:56:56</vt:lpwstr>
  </property>
  <property fmtid="{D5CDD505-2E9C-101B-9397-08002B2CF9AE}" pid="6" name="TemplafyTenantId">
    <vt:lpwstr>netcompany</vt:lpwstr>
  </property>
  <property fmtid="{D5CDD505-2E9C-101B-9397-08002B2CF9AE}" pid="7" name="TemplafyTemplateId">
    <vt:lpwstr>896880345885704710</vt:lpwstr>
  </property>
  <property fmtid="{D5CDD505-2E9C-101B-9397-08002B2CF9AE}" pid="8" name="TemplafyUserProfileId">
    <vt:lpwstr>842236507839791137</vt:lpwstr>
  </property>
  <property fmtid="{D5CDD505-2E9C-101B-9397-08002B2CF9AE}" pid="9" name="TemplafyFromBlank">
    <vt:bool>true</vt:bool>
  </property>
</Properties>
</file>